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522\03_事業者脱炭素Ｇ\02_中小企業等の支援\04_かながわ脱炭素チャレンジ中小企業認証制度\01_要綱・登録簿（かながわ脱炭素チャレンジ中小企業認証制度）\★令和７年度準備\01_要綱改正\06_Excel様式\"/>
    </mc:Choice>
  </mc:AlternateContent>
  <workbookProtection workbookAlgorithmName="SHA-512" workbookHashValue="z1EvdI9XI2/KsIneCl63YsehgPduCFtuMVjBmbfWeGH+GKxjq5ilvtHtiYz3jH+gVQT5NucoFhFjZ96+wKyMbw==" workbookSaltValue="QYOCD+Lb6l6Rk5oz3a0Gdw==" workbookSpinCount="100000" lockStructure="1"/>
  <bookViews>
    <workbookView xWindow="0" yWindow="0" windowWidth="28800" windowHeight="12300"/>
  </bookViews>
  <sheets>
    <sheet name="様式第１－２号" sheetId="4" r:id="rId1"/>
    <sheet name="郵便番号" sheetId="3" state="hidden" r:id="rId2"/>
  </sheets>
  <definedNames>
    <definedName name="_xlnm._FilterDatabase" localSheetId="1" hidden="1">郵便番号!$A$1:$B$2301</definedName>
    <definedName name="_xlnm.Print_Area" localSheetId="0">'様式第１－２号'!$A$1:$X$38</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B11" i="4" l="1"/>
  <c r="BB10" i="4"/>
  <c r="I37" i="4" l="1"/>
  <c r="BB27" i="4" s="1"/>
  <c r="BB30" i="4"/>
  <c r="BB29" i="4"/>
  <c r="BB28" i="4"/>
  <c r="BB26" i="4"/>
  <c r="AI25" i="4"/>
  <c r="I25" i="4"/>
  <c r="BB19" i="4" s="1"/>
  <c r="BB25" i="4"/>
  <c r="BB24" i="4"/>
  <c r="BB23" i="4"/>
  <c r="BB22" i="4"/>
  <c r="BB21" i="4"/>
  <c r="BB20" i="4"/>
  <c r="BB18" i="4"/>
  <c r="BB17" i="4"/>
  <c r="BB16" i="4"/>
  <c r="BB15" i="4"/>
  <c r="BB14" i="4"/>
  <c r="BB13" i="4"/>
  <c r="BB12" i="4"/>
  <c r="BB9" i="4"/>
  <c r="BB8" i="4"/>
  <c r="BB7" i="4"/>
  <c r="BB6" i="4"/>
  <c r="BB5" i="4"/>
</calcChain>
</file>

<file path=xl/comments1.xml><?xml version="1.0" encoding="utf-8"?>
<comments xmlns="http://schemas.openxmlformats.org/spreadsheetml/2006/main">
  <authors>
    <author>作成者</author>
    <author>user</author>
  </authors>
  <commentList>
    <comment ref="R5" authorId="0" shapeId="0">
      <text>
        <r>
          <rPr>
            <b/>
            <sz val="9"/>
            <color indexed="81"/>
            <rFont val="ＭＳ Ｐゴシック"/>
            <family val="3"/>
            <charset val="128"/>
          </rPr>
          <t>西暦４ケタで入力してください</t>
        </r>
        <r>
          <rPr>
            <sz val="9"/>
            <color indexed="81"/>
            <rFont val="ＭＳ Ｐゴシック"/>
            <family val="3"/>
            <charset val="128"/>
          </rPr>
          <t xml:space="preserve">
</t>
        </r>
      </text>
    </comment>
    <comment ref="AR5" authorId="0" shapeId="0">
      <text>
        <r>
          <rPr>
            <b/>
            <sz val="9"/>
            <color indexed="81"/>
            <rFont val="ＭＳ Ｐゴシック"/>
            <family val="3"/>
            <charset val="128"/>
          </rPr>
          <t>西暦４ケタで入力してください</t>
        </r>
        <r>
          <rPr>
            <sz val="9"/>
            <color indexed="81"/>
            <rFont val="ＭＳ Ｐゴシック"/>
            <family val="3"/>
            <charset val="128"/>
          </rPr>
          <t xml:space="preserve">
</t>
        </r>
      </text>
    </comment>
    <comment ref="M8" authorId="0" shapeId="0">
      <text>
        <r>
          <rPr>
            <sz val="9"/>
            <color indexed="81"/>
            <rFont val="ＭＳ Ｐゴシック"/>
            <family val="3"/>
            <charset val="128"/>
          </rPr>
          <t>1行目に住所をご記入ください</t>
        </r>
      </text>
    </comment>
    <comment ref="AM8" authorId="0" shapeId="0">
      <text>
        <r>
          <rPr>
            <sz val="9"/>
            <color indexed="81"/>
            <rFont val="ＭＳ Ｐゴシック"/>
            <family val="3"/>
            <charset val="128"/>
          </rPr>
          <t>1行目に住所をご記入ください</t>
        </r>
      </text>
    </comment>
    <comment ref="M9" authorId="0" shapeId="0">
      <text>
        <r>
          <rPr>
            <sz val="9"/>
            <color indexed="81"/>
            <rFont val="ＭＳ Ｐゴシック"/>
            <family val="3"/>
            <charset val="128"/>
          </rPr>
          <t>ビル名がある場合は２行目に記載してください。</t>
        </r>
      </text>
    </comment>
    <comment ref="AM9" authorId="0" shapeId="0">
      <text>
        <r>
          <rPr>
            <sz val="9"/>
            <color indexed="81"/>
            <rFont val="ＭＳ Ｐゴシック"/>
            <family val="3"/>
            <charset val="128"/>
          </rPr>
          <t>ビル名がある場合は２行目に記載してください。</t>
        </r>
      </text>
    </comment>
    <comment ref="P27" authorId="1" shapeId="0">
      <text>
        <r>
          <rPr>
            <sz val="9"/>
            <color indexed="81"/>
            <rFont val="MS P ゴシック"/>
            <family val="3"/>
            <charset val="128"/>
          </rPr>
          <t>2050年以前（2050年含む）の目標年を記入してください。</t>
        </r>
      </text>
    </comment>
    <comment ref="AP27" authorId="1" shapeId="0">
      <text>
        <r>
          <rPr>
            <sz val="9"/>
            <color indexed="81"/>
            <rFont val="MS P ゴシック"/>
            <family val="3"/>
            <charset val="128"/>
          </rPr>
          <t>2050年以前（2050年含む）の目標年を記入してください。</t>
        </r>
      </text>
    </comment>
    <comment ref="K29" authorId="1" shapeId="0">
      <text>
        <r>
          <rPr>
            <sz val="9"/>
            <color indexed="81"/>
            <rFont val="MS P ゴシック"/>
            <family val="3"/>
            <charset val="128"/>
          </rPr>
          <t>本申請書と同時に提出する場合は、本申請書の提出日と同日を西暦で入力してください。</t>
        </r>
      </text>
    </comment>
    <comment ref="U29" authorId="1" shapeId="0">
      <text>
        <r>
          <rPr>
            <sz val="9"/>
            <color indexed="81"/>
            <rFont val="MS P ゴシック"/>
            <family val="3"/>
            <charset val="128"/>
          </rPr>
          <t>提出した計画書で設定した計画期間の開始年と終了年を西暦で入力してください。</t>
        </r>
      </text>
    </comment>
    <comment ref="AK29" authorId="1" shapeId="0">
      <text>
        <r>
          <rPr>
            <sz val="9"/>
            <color indexed="81"/>
            <rFont val="MS P ゴシック"/>
            <family val="3"/>
            <charset val="128"/>
          </rPr>
          <t>本申請書と同時に提出する場合は、本申請書の提出日と同日を西暦で入力してください。</t>
        </r>
      </text>
    </comment>
    <comment ref="AU29" authorId="1" shapeId="0">
      <text>
        <r>
          <rPr>
            <sz val="9"/>
            <color indexed="81"/>
            <rFont val="MS P ゴシック"/>
            <family val="3"/>
            <charset val="128"/>
          </rPr>
          <t>提出した計画書で設定した計画期間の開始年と終了年を西暦で入力してください。</t>
        </r>
      </text>
    </comment>
  </commentList>
</comments>
</file>

<file path=xl/sharedStrings.xml><?xml version="1.0" encoding="utf-8"?>
<sst xmlns="http://schemas.openxmlformats.org/spreadsheetml/2006/main" count="3330" uniqueCount="3021">
  <si>
    <t xml:space="preserve">                                                        　　 </t>
  </si>
  <si>
    <t>年</t>
    <rPh sb="0" eb="1">
      <t>ネン</t>
    </rPh>
    <phoneticPr fontId="3"/>
  </si>
  <si>
    <t>月</t>
    <rPh sb="0" eb="1">
      <t>ツキ</t>
    </rPh>
    <phoneticPr fontId="3"/>
  </si>
  <si>
    <t>日</t>
    <rPh sb="0" eb="1">
      <t>ニチ</t>
    </rPh>
    <phoneticPr fontId="3"/>
  </si>
  <si>
    <t>神奈川県知事　様</t>
    <rPh sb="0" eb="1">
      <t>カミ</t>
    </rPh>
    <rPh sb="1" eb="2">
      <t>ナ</t>
    </rPh>
    <rPh sb="2" eb="3">
      <t>カワ</t>
    </rPh>
    <rPh sb="3" eb="4">
      <t>ケン</t>
    </rPh>
    <rPh sb="4" eb="5">
      <t>チ</t>
    </rPh>
    <rPh sb="5" eb="6">
      <t>コト</t>
    </rPh>
    <rPh sb="7" eb="8">
      <t>サマ</t>
    </rPh>
    <phoneticPr fontId="3"/>
  </si>
  <si>
    <t>住所又は主たる事務所の所在地</t>
    <rPh sb="0" eb="2">
      <t>ジュウショ</t>
    </rPh>
    <rPh sb="2" eb="3">
      <t>マタ</t>
    </rPh>
    <rPh sb="4" eb="5">
      <t>シュ</t>
    </rPh>
    <rPh sb="7" eb="9">
      <t>ジム</t>
    </rPh>
    <rPh sb="9" eb="10">
      <t>ショ</t>
    </rPh>
    <rPh sb="11" eb="14">
      <t>ショザイチ</t>
    </rPh>
    <phoneticPr fontId="3"/>
  </si>
  <si>
    <t>氏名又は名称</t>
    <rPh sb="0" eb="2">
      <t>シメイ</t>
    </rPh>
    <rPh sb="2" eb="3">
      <t>マタ</t>
    </rPh>
    <rPh sb="4" eb="6">
      <t>メイショウ</t>
    </rPh>
    <phoneticPr fontId="3"/>
  </si>
  <si>
    <t>代表者役職・氏名</t>
  </si>
  <si>
    <t>　かながわ脱炭素チャレンジ中小企業認証制度実施要綱第４条第１項の規定により、次のとおり申請します。</t>
    <phoneticPr fontId="2"/>
  </si>
  <si>
    <t>製造業その他</t>
  </si>
  <si>
    <t>卸売業</t>
  </si>
  <si>
    <t>小売業</t>
  </si>
  <si>
    <t>サービス業</t>
  </si>
  <si>
    <t>万円</t>
    <rPh sb="0" eb="2">
      <t>マンエン</t>
    </rPh>
    <phoneticPr fontId="2"/>
  </si>
  <si>
    <t>資本金の額又は出資の総額</t>
    <phoneticPr fontId="2"/>
  </si>
  <si>
    <t>0～ 20人</t>
  </si>
  <si>
    <t>21～ 50人</t>
  </si>
  <si>
    <t>51～100人</t>
  </si>
  <si>
    <t>101～  300人</t>
  </si>
  <si>
    <t>301～1,000人</t>
  </si>
  <si>
    <t>1,001人～</t>
  </si>
  <si>
    <t>前年度における原油換算
エネルギー使用量の合計量</t>
    <phoneticPr fontId="2"/>
  </si>
  <si>
    <t>前年度末における対象自動車の使用台数</t>
  </si>
  <si>
    <t>KL</t>
    <phoneticPr fontId="2"/>
  </si>
  <si>
    <t>台</t>
    <rPh sb="0" eb="1">
      <t>ダイ</t>
    </rPh>
    <phoneticPr fontId="2"/>
  </si>
  <si>
    <t>名　　称</t>
  </si>
  <si>
    <t>郵便番号</t>
  </si>
  <si>
    <t>所在地</t>
  </si>
  <si>
    <t>県内の主たる工場等</t>
    <phoneticPr fontId="2"/>
  </si>
  <si>
    <t>県内における事業活動の脱炭素化目標</t>
    <phoneticPr fontId="2"/>
  </si>
  <si>
    <t>年までに脱炭素化することを</t>
    <phoneticPr fontId="2"/>
  </si>
  <si>
    <t xml:space="preserve"> 目指して自主的かつ計画的に取り組むことを宣言します。</t>
    <phoneticPr fontId="2"/>
  </si>
  <si>
    <t>県内における事業活動を</t>
    <phoneticPr fontId="2"/>
  </si>
  <si>
    <t>年</t>
    <rPh sb="0" eb="1">
      <t>ネン</t>
    </rPh>
    <phoneticPr fontId="2"/>
  </si>
  <si>
    <t>月</t>
    <rPh sb="0" eb="1">
      <t>ガツ</t>
    </rPh>
    <phoneticPr fontId="2"/>
  </si>
  <si>
    <t>日</t>
    <rPh sb="0" eb="1">
      <t>ヒ</t>
    </rPh>
    <phoneticPr fontId="2"/>
  </si>
  <si>
    <t>提出年月日</t>
    <rPh sb="0" eb="2">
      <t>テイシュツ</t>
    </rPh>
    <rPh sb="2" eb="5">
      <t>ネンガッピ</t>
    </rPh>
    <phoneticPr fontId="2"/>
  </si>
  <si>
    <t>年度</t>
    <rPh sb="0" eb="2">
      <t>ネンド</t>
    </rPh>
    <phoneticPr fontId="2"/>
  </si>
  <si>
    <t>～</t>
    <phoneticPr fontId="2"/>
  </si>
  <si>
    <t>計画期間</t>
    <rPh sb="0" eb="2">
      <t>ケイカク</t>
    </rPh>
    <rPh sb="2" eb="4">
      <t>キカン</t>
    </rPh>
    <phoneticPr fontId="2"/>
  </si>
  <si>
    <t xml:space="preserve">欠格要件への該当性等
（右欄に○を記入）
</t>
    <phoneticPr fontId="2"/>
  </si>
  <si>
    <t>・また、県から、同要件に該当しないことを確認するため、役員等名簿の情報提供を求められた場合は、直ちに応じることを誓約します。</t>
  </si>
  <si>
    <t>・さらに、同要綱第９条の規定に基づき、県から認証の取消しを受けた場合も、異議は一切申し立てません。</t>
  </si>
  <si>
    <t>・かながわ脱炭素チャレンジ中小企業認証制度実施要綱第３条第６号に掲げる欠格要件のいずれにも該当しません。</t>
    <phoneticPr fontId="2"/>
  </si>
  <si>
    <t>所　　属</t>
  </si>
  <si>
    <t>氏　名</t>
  </si>
  <si>
    <t>ＴＥＬ</t>
  </si>
  <si>
    <t>E-mail</t>
  </si>
  <si>
    <t>集計用</t>
    <rPh sb="0" eb="3">
      <t>シュウケイヨウ</t>
    </rPh>
    <phoneticPr fontId="2"/>
  </si>
  <si>
    <t>(ビル名）</t>
    <rPh sb="3" eb="4">
      <t>メイ</t>
    </rPh>
    <phoneticPr fontId="2"/>
  </si>
  <si>
    <t>業種分類</t>
    <rPh sb="0" eb="2">
      <t>ギョウシュ</t>
    </rPh>
    <rPh sb="2" eb="4">
      <t>ブンルイ</t>
    </rPh>
    <phoneticPr fontId="2"/>
  </si>
  <si>
    <t>従業員数</t>
    <rPh sb="0" eb="3">
      <t>ジュウギョウイン</t>
    </rPh>
    <rPh sb="3" eb="4">
      <t>スウ</t>
    </rPh>
    <phoneticPr fontId="2"/>
  </si>
  <si>
    <t>資本金（資本金）</t>
    <rPh sb="0" eb="3">
      <t>シホンキン</t>
    </rPh>
    <rPh sb="4" eb="7">
      <t>シホンキン</t>
    </rPh>
    <phoneticPr fontId="2"/>
  </si>
  <si>
    <t>エネルギー使用量(KL)</t>
    <rPh sb="5" eb="8">
      <t>シヨウリョウ</t>
    </rPh>
    <phoneticPr fontId="2"/>
  </si>
  <si>
    <t>自動車使用台数（台）</t>
    <rPh sb="0" eb="3">
      <t>ジドウシャ</t>
    </rPh>
    <rPh sb="3" eb="5">
      <t>シヨウ</t>
    </rPh>
    <rPh sb="5" eb="7">
      <t>ダイスウ</t>
    </rPh>
    <rPh sb="8" eb="9">
      <t>ダイ</t>
    </rPh>
    <phoneticPr fontId="2"/>
  </si>
  <si>
    <t>脱炭素化目標</t>
    <rPh sb="0" eb="1">
      <t>ダツ</t>
    </rPh>
    <rPh sb="1" eb="3">
      <t>タンソ</t>
    </rPh>
    <rPh sb="3" eb="4">
      <t>カ</t>
    </rPh>
    <rPh sb="4" eb="6">
      <t>モクヒョウ</t>
    </rPh>
    <phoneticPr fontId="2"/>
  </si>
  <si>
    <t>計画期間（開始年）</t>
    <rPh sb="0" eb="2">
      <t>ケイカク</t>
    </rPh>
    <rPh sb="2" eb="4">
      <t>キカン</t>
    </rPh>
    <rPh sb="5" eb="7">
      <t>カイシ</t>
    </rPh>
    <rPh sb="7" eb="8">
      <t>ネン</t>
    </rPh>
    <phoneticPr fontId="2"/>
  </si>
  <si>
    <t>計画期間（終了年）</t>
    <rPh sb="0" eb="2">
      <t>ケイカク</t>
    </rPh>
    <rPh sb="2" eb="4">
      <t>キカン</t>
    </rPh>
    <rPh sb="5" eb="7">
      <t>シュウリョウ</t>
    </rPh>
    <rPh sb="7" eb="8">
      <t>ネン</t>
    </rPh>
    <phoneticPr fontId="2"/>
  </si>
  <si>
    <t>欠格要件該当性</t>
    <rPh sb="0" eb="2">
      <t>ケッカク</t>
    </rPh>
    <rPh sb="2" eb="4">
      <t>ヨウケン</t>
    </rPh>
    <rPh sb="4" eb="7">
      <t>ガイトウセイ</t>
    </rPh>
    <phoneticPr fontId="2"/>
  </si>
  <si>
    <t>担当者郵便番号</t>
  </si>
  <si>
    <t>担当者ＴＥＬ</t>
  </si>
  <si>
    <t>担当者E-mail</t>
  </si>
  <si>
    <t>担当者所属</t>
  </si>
  <si>
    <t>担当者住所</t>
  </si>
  <si>
    <t>担当者氏名</t>
  </si>
  <si>
    <t>計画書提出年月日</t>
    <rPh sb="0" eb="3">
      <t>ケイカクショ</t>
    </rPh>
    <rPh sb="3" eb="5">
      <t>テイシュツ</t>
    </rPh>
    <rPh sb="5" eb="8">
      <t>ネンガッピ</t>
    </rPh>
    <phoneticPr fontId="2"/>
  </si>
  <si>
    <t>申請年月日</t>
    <rPh sb="0" eb="2">
      <t>シンセイ</t>
    </rPh>
    <rPh sb="2" eb="5">
      <t>ネンガッピ</t>
    </rPh>
    <phoneticPr fontId="2"/>
  </si>
  <si>
    <t>業種分類
（該当するものを選択）</t>
    <rPh sb="13" eb="15">
      <t>センタク</t>
    </rPh>
    <phoneticPr fontId="2"/>
  </si>
  <si>
    <t>常時使用する従業員の数
（該当するものを選択）</t>
    <rPh sb="20" eb="22">
      <t>センタク</t>
    </rPh>
    <phoneticPr fontId="2"/>
  </si>
  <si>
    <t>←ラジオボタン一位選択</t>
    <rPh sb="7" eb="9">
      <t>イチイ</t>
    </rPh>
    <rPh sb="9" eb="11">
      <t>センタク</t>
    </rPh>
    <phoneticPr fontId="2"/>
  </si>
  <si>
    <t>-</t>
    <phoneticPr fontId="2"/>
  </si>
  <si>
    <t>←2019～2050年の間</t>
    <rPh sb="10" eb="11">
      <t>ネン</t>
    </rPh>
    <rPh sb="12" eb="13">
      <t>アイダ</t>
    </rPh>
    <phoneticPr fontId="2"/>
  </si>
  <si>
    <t>←月（1～12）</t>
    <rPh sb="1" eb="2">
      <t>ツキ</t>
    </rPh>
    <phoneticPr fontId="2"/>
  </si>
  <si>
    <t>←日（1～31）</t>
    <rPh sb="1" eb="2">
      <t>ヒ</t>
    </rPh>
    <phoneticPr fontId="2"/>
  </si>
  <si>
    <t>←プルダウン○</t>
    <phoneticPr fontId="2"/>
  </si>
  <si>
    <t>←〒（３文字＋４文字）</t>
    <rPh sb="4" eb="6">
      <t>モジ</t>
    </rPh>
    <rPh sb="8" eb="10">
      <t>モジ</t>
    </rPh>
    <phoneticPr fontId="2"/>
  </si>
  <si>
    <t>横浜市鶴見区</t>
  </si>
  <si>
    <t>横浜市神奈川区</t>
  </si>
  <si>
    <t>横浜市西区</t>
  </si>
  <si>
    <t>横浜市中区</t>
  </si>
  <si>
    <t>横浜市南区</t>
  </si>
  <si>
    <t>横浜市保土ケ谷区</t>
  </si>
  <si>
    <t>横浜市磯子区</t>
  </si>
  <si>
    <t>横浜市金沢区</t>
  </si>
  <si>
    <t>横浜市港北区</t>
  </si>
  <si>
    <t>横浜市戸塚区</t>
  </si>
  <si>
    <t>横浜市港南区</t>
  </si>
  <si>
    <t>横浜市旭区</t>
  </si>
  <si>
    <t>横浜市緑区</t>
  </si>
  <si>
    <t>横浜市瀬谷区</t>
  </si>
  <si>
    <t>横浜市栄区</t>
  </si>
  <si>
    <t>横浜市泉区</t>
  </si>
  <si>
    <t>横浜市青葉区</t>
  </si>
  <si>
    <t>横浜市都筑区</t>
  </si>
  <si>
    <t>川崎市川崎区</t>
  </si>
  <si>
    <t>川崎市幸区</t>
  </si>
  <si>
    <t>川崎市中原区</t>
  </si>
  <si>
    <t>川崎市高津区</t>
  </si>
  <si>
    <t>川崎市多摩区</t>
  </si>
  <si>
    <t>川崎市宮前区</t>
  </si>
  <si>
    <t>川崎市麻生区</t>
  </si>
  <si>
    <t>相模原市緑区</t>
  </si>
  <si>
    <t>相模原市中央区</t>
  </si>
  <si>
    <t>相模原市南区</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三浦郡葉山町</t>
  </si>
  <si>
    <t>高座郡寒川町</t>
  </si>
  <si>
    <t>中郡大磯町</t>
  </si>
  <si>
    <t>中郡二宮町</t>
  </si>
  <si>
    <t>足柄上郡中井町</t>
  </si>
  <si>
    <t>足柄上郡大井町</t>
  </si>
  <si>
    <t>足柄上郡松田町</t>
  </si>
  <si>
    <t>足柄上郡山北町</t>
  </si>
  <si>
    <t>足柄上郡開成町</t>
  </si>
  <si>
    <t>足柄下郡箱根町</t>
  </si>
  <si>
    <t>足柄下郡湯河原町</t>
  </si>
  <si>
    <t>愛甲郡愛川町</t>
  </si>
  <si>
    <t>愛甲郡清川村</t>
  </si>
  <si>
    <t>郵便番号</t>
    <rPh sb="0" eb="4">
      <t>ユウビンバンゴウ</t>
    </rPh>
    <phoneticPr fontId="2"/>
  </si>
  <si>
    <t>住所</t>
    <rPh sb="0" eb="2">
      <t>ジュウショ</t>
    </rPh>
    <phoneticPr fontId="2"/>
  </si>
  <si>
    <t>足柄下郡真鶴町</t>
  </si>
  <si>
    <t>横浜市鶴見区朝日町</t>
  </si>
  <si>
    <t>横浜市鶴見区安善町</t>
  </si>
  <si>
    <t>横浜市鶴見区市場上町</t>
  </si>
  <si>
    <t>横浜市鶴見区市場下町</t>
  </si>
  <si>
    <t>横浜市鶴見区市場東中町</t>
  </si>
  <si>
    <t>横浜市鶴見区市場西中町</t>
  </si>
  <si>
    <t>横浜市鶴見区市場富士見町</t>
  </si>
  <si>
    <t>横浜市鶴見区市場大和町</t>
  </si>
  <si>
    <t>横浜市鶴見区潮田町</t>
  </si>
  <si>
    <t>横浜市鶴見区江ケ崎町</t>
  </si>
  <si>
    <t>横浜市鶴見区扇島</t>
  </si>
  <si>
    <t>横浜市鶴見区小野町</t>
  </si>
  <si>
    <t>横浜市鶴見区梶山</t>
  </si>
  <si>
    <t>横浜市鶴見区上末吉</t>
  </si>
  <si>
    <t>横浜市鶴見区上の宮</t>
  </si>
  <si>
    <t>横浜市鶴見区寛政町</t>
  </si>
  <si>
    <t>横浜市鶴見区岸谷</t>
  </si>
  <si>
    <t>横浜市鶴見区北寺尾</t>
  </si>
  <si>
    <t>横浜市鶴見区駒岡</t>
  </si>
  <si>
    <t>横浜市鶴見区栄町通</t>
  </si>
  <si>
    <t>横浜市鶴見区汐入町</t>
  </si>
  <si>
    <t>横浜市鶴見区獅子ケ谷</t>
  </si>
  <si>
    <t>横浜市鶴見区下野谷町</t>
  </si>
  <si>
    <t>横浜市鶴見区尻手</t>
  </si>
  <si>
    <t>横浜市鶴見区下末吉</t>
  </si>
  <si>
    <t>横浜市鶴見区末広町</t>
  </si>
  <si>
    <t>横浜市鶴見区菅沢町</t>
  </si>
  <si>
    <t>横浜市鶴見区諏訪坂</t>
  </si>
  <si>
    <t>横浜市鶴見区大黒町</t>
  </si>
  <si>
    <t>横浜市鶴見区大黒ふ頭</t>
  </si>
  <si>
    <t>横浜市鶴見区大東町</t>
  </si>
  <si>
    <t>横浜市鶴見区佃野町</t>
  </si>
  <si>
    <t>横浜市鶴見区鶴見</t>
  </si>
  <si>
    <t>横浜市鶴見区鶴見中央</t>
  </si>
  <si>
    <t>横浜市鶴見区寺谷</t>
  </si>
  <si>
    <t>横浜市鶴見区豊岡町</t>
  </si>
  <si>
    <t>横浜市鶴見区仲通</t>
  </si>
  <si>
    <t>横浜市鶴見区生麦</t>
  </si>
  <si>
    <t>横浜市鶴見区馬場</t>
  </si>
  <si>
    <t>横浜市鶴見区浜町</t>
  </si>
  <si>
    <t>横浜市鶴見区東寺尾</t>
  </si>
  <si>
    <t>横浜市鶴見区東寺尾中台</t>
  </si>
  <si>
    <t>横浜市鶴見区東寺尾東台</t>
  </si>
  <si>
    <t>横浜市鶴見区東寺尾北台</t>
  </si>
  <si>
    <t>横浜市鶴見区平安町</t>
  </si>
  <si>
    <t>横浜市鶴見区弁天町</t>
  </si>
  <si>
    <t>横浜市鶴見区本町通</t>
  </si>
  <si>
    <t>横浜市鶴見区三ツ池公園</t>
  </si>
  <si>
    <t>横浜市鶴見区向井町</t>
  </si>
  <si>
    <t>横浜市鶴見区元宮</t>
  </si>
  <si>
    <t>横浜市鶴見区矢向</t>
  </si>
  <si>
    <t>横浜市神奈川区青木町</t>
  </si>
  <si>
    <t>横浜市神奈川区旭ケ丘</t>
  </si>
  <si>
    <t>横浜市神奈川区出田町</t>
  </si>
  <si>
    <t>横浜市神奈川区泉町</t>
  </si>
  <si>
    <t>横浜市神奈川区入江</t>
  </si>
  <si>
    <t>横浜市神奈川区浦島丘</t>
  </si>
  <si>
    <t>横浜市神奈川区浦島町</t>
  </si>
  <si>
    <t>横浜市神奈川区恵比須町</t>
  </si>
  <si>
    <t>横浜市神奈川区大口通</t>
  </si>
  <si>
    <t>横浜市神奈川区大口仲町</t>
  </si>
  <si>
    <t>横浜市神奈川区大野町</t>
  </si>
  <si>
    <t>横浜市神奈川区片倉</t>
  </si>
  <si>
    <t>横浜市神奈川区神奈川</t>
  </si>
  <si>
    <t>横浜市神奈川区神奈川本町</t>
  </si>
  <si>
    <t>横浜市神奈川区上反町</t>
  </si>
  <si>
    <t>横浜市神奈川区神之木台</t>
  </si>
  <si>
    <t>横浜市神奈川区神之木町</t>
  </si>
  <si>
    <t>横浜市神奈川区亀住町</t>
  </si>
  <si>
    <t>横浜市神奈川区神大寺</t>
  </si>
  <si>
    <t>横浜市神奈川区桐畑</t>
  </si>
  <si>
    <t>横浜市神奈川区金港町</t>
  </si>
  <si>
    <t>横浜市神奈川区栗田谷</t>
  </si>
  <si>
    <t>横浜市神奈川区幸ケ谷</t>
  </si>
  <si>
    <t>横浜市神奈川区子安台</t>
  </si>
  <si>
    <t>横浜市神奈川区子安通</t>
  </si>
  <si>
    <t>横浜市神奈川区斎藤分町</t>
  </si>
  <si>
    <t>横浜市神奈川区栄町</t>
  </si>
  <si>
    <t>横浜市神奈川区沢渡</t>
  </si>
  <si>
    <t>横浜市神奈川区三枚町</t>
  </si>
  <si>
    <t>横浜市神奈川区白幡上町</t>
  </si>
  <si>
    <t>横浜市神奈川区白幡仲町</t>
  </si>
  <si>
    <t>横浜市神奈川区白幡東町</t>
  </si>
  <si>
    <t>横浜市神奈川区白幡西町</t>
  </si>
  <si>
    <t>横浜市神奈川区白幡南町</t>
  </si>
  <si>
    <t>横浜市神奈川区白幡向町</t>
  </si>
  <si>
    <t>横浜市神奈川区白幡町</t>
  </si>
  <si>
    <t>横浜市神奈川区新浦島町</t>
  </si>
  <si>
    <t>横浜市神奈川区新子安</t>
  </si>
  <si>
    <t>横浜市神奈川区新町</t>
  </si>
  <si>
    <t>横浜市神奈川区菅田町</t>
  </si>
  <si>
    <t>横浜市神奈川区鈴繁町</t>
  </si>
  <si>
    <t>横浜市神奈川区台町</t>
  </si>
  <si>
    <t>横浜市神奈川区高島台</t>
  </si>
  <si>
    <t>横浜市神奈川区宝町</t>
  </si>
  <si>
    <t>横浜市神奈川区立町</t>
  </si>
  <si>
    <t>横浜市神奈川区反町</t>
  </si>
  <si>
    <t>横浜市神奈川区千若町</t>
  </si>
  <si>
    <t>横浜市神奈川区鶴屋町</t>
  </si>
  <si>
    <t>横浜市神奈川区富家町</t>
  </si>
  <si>
    <t>横浜市神奈川区鳥越</t>
  </si>
  <si>
    <t>横浜市神奈川区中丸</t>
  </si>
  <si>
    <t>横浜市神奈川区七島町</t>
  </si>
  <si>
    <t>横浜市神奈川区西大口</t>
  </si>
  <si>
    <t>横浜市神奈川区西神奈川</t>
  </si>
  <si>
    <t>横浜市神奈川区西寺尾</t>
  </si>
  <si>
    <t>横浜市神奈川区二本榎</t>
  </si>
  <si>
    <t>横浜市神奈川区白楽</t>
  </si>
  <si>
    <t>横浜市神奈川区羽沢町</t>
  </si>
  <si>
    <t>横浜市神奈川区羽沢南</t>
  </si>
  <si>
    <t>横浜市神奈川区橋本町</t>
  </si>
  <si>
    <t>横浜市神奈川区東神奈川</t>
  </si>
  <si>
    <t>横浜市神奈川区平川町</t>
  </si>
  <si>
    <t>横浜市神奈川区広台太田町</t>
  </si>
  <si>
    <t>横浜市神奈川区二ツ谷町</t>
  </si>
  <si>
    <t>横浜市神奈川区星野町</t>
  </si>
  <si>
    <t>横浜市神奈川区松ケ丘</t>
  </si>
  <si>
    <t>横浜市神奈川区松見町</t>
  </si>
  <si>
    <t>横浜市神奈川区松本町</t>
  </si>
  <si>
    <t>横浜市神奈川区瑞穂町</t>
  </si>
  <si>
    <t>横浜市神奈川区三ツ沢上町</t>
  </si>
  <si>
    <t>横浜市神奈川区三ツ沢中町</t>
  </si>
  <si>
    <t>横浜市神奈川区三ツ沢下町</t>
  </si>
  <si>
    <t>横浜市神奈川区三ツ沢東町</t>
  </si>
  <si>
    <t>横浜市神奈川区三ツ沢西町</t>
  </si>
  <si>
    <t>横浜市神奈川区三ツ沢南町</t>
  </si>
  <si>
    <t>横浜市神奈川区守屋町</t>
  </si>
  <si>
    <t>横浜市神奈川区山内町</t>
  </si>
  <si>
    <t>横浜市神奈川区六角橋</t>
  </si>
  <si>
    <t>横浜市西区赤門町</t>
  </si>
  <si>
    <t>横浜市西区東ケ丘</t>
  </si>
  <si>
    <t>横浜市西区伊勢町</t>
  </si>
  <si>
    <t>横浜市西区老松町</t>
  </si>
  <si>
    <t>横浜市西区岡野</t>
  </si>
  <si>
    <t>横浜市西区霞ケ丘</t>
  </si>
  <si>
    <t>横浜市西区北軽井沢</t>
  </si>
  <si>
    <t>横浜市西区北幸</t>
  </si>
  <si>
    <t>横浜市西区楠町</t>
  </si>
  <si>
    <t>横浜市西区久保町</t>
  </si>
  <si>
    <t>横浜市西区御所山町</t>
  </si>
  <si>
    <t>横浜市西区境之谷</t>
  </si>
  <si>
    <t>横浜市西区浅間台</t>
  </si>
  <si>
    <t>横浜市西区浅間町</t>
  </si>
  <si>
    <t>横浜市西区高島</t>
  </si>
  <si>
    <t>横浜市西区中央</t>
  </si>
  <si>
    <t>横浜市西区戸部町</t>
  </si>
  <si>
    <t>横浜市西区戸部本町</t>
  </si>
  <si>
    <t>横浜市西区西戸部町</t>
  </si>
  <si>
    <t>横浜市西区西平沼町</t>
  </si>
  <si>
    <t>横浜市西区西前町</t>
  </si>
  <si>
    <t>横浜市西区浜松町</t>
  </si>
  <si>
    <t>横浜市西区東久保町</t>
  </si>
  <si>
    <t>横浜市西区平沼</t>
  </si>
  <si>
    <t>横浜市西区藤棚町</t>
  </si>
  <si>
    <t>横浜市西区緑町</t>
  </si>
  <si>
    <t>横浜市西区南軽井沢</t>
  </si>
  <si>
    <t>横浜市西区南幸</t>
  </si>
  <si>
    <t>横浜市西区南浅間町</t>
  </si>
  <si>
    <t>横浜市西区宮ケ谷</t>
  </si>
  <si>
    <t>横浜市西区宮崎町</t>
  </si>
  <si>
    <t>横浜市西区元久保町</t>
  </si>
  <si>
    <t>横浜市西区紅葉ケ丘</t>
  </si>
  <si>
    <t>横浜市中区相生町</t>
  </si>
  <si>
    <t>横浜市中区赤門町</t>
  </si>
  <si>
    <t>横浜市中区曙町</t>
  </si>
  <si>
    <t>横浜市中区池袋</t>
  </si>
  <si>
    <t>横浜市中区石川町</t>
  </si>
  <si>
    <t>横浜市中区伊勢佐木町</t>
  </si>
  <si>
    <t>横浜市中区上野町</t>
  </si>
  <si>
    <t>横浜市中区打越</t>
  </si>
  <si>
    <t>横浜市中区内田町</t>
  </si>
  <si>
    <t>横浜市中区扇町</t>
  </si>
  <si>
    <t>横浜市中区大芝台</t>
  </si>
  <si>
    <t>横浜市中区太田町</t>
  </si>
  <si>
    <t>横浜市中区大平町</t>
  </si>
  <si>
    <t>横浜市中区翁町</t>
  </si>
  <si>
    <t>横浜市中区尾上町</t>
  </si>
  <si>
    <t>横浜市中区海岸通</t>
  </si>
  <si>
    <t>横浜市中区柏葉</t>
  </si>
  <si>
    <t>横浜市中区かもめ町</t>
  </si>
  <si>
    <t>横浜市中区北方町</t>
  </si>
  <si>
    <t>横浜市中区北仲通</t>
  </si>
  <si>
    <t>横浜市中区黄金町</t>
  </si>
  <si>
    <t>横浜市中区寿町</t>
  </si>
  <si>
    <t>横浜市中区小港町</t>
  </si>
  <si>
    <t>横浜市中区鷺山</t>
  </si>
  <si>
    <t>横浜市中区桜木町</t>
  </si>
  <si>
    <t>横浜市中区新港</t>
  </si>
  <si>
    <t>横浜市中区新山下</t>
  </si>
  <si>
    <t>横浜市中区末広町</t>
  </si>
  <si>
    <t>横浜市中区末吉町</t>
  </si>
  <si>
    <t>横浜市中区住吉町</t>
  </si>
  <si>
    <t>横浜市中区諏訪町</t>
  </si>
  <si>
    <t>横浜市中区滝之上</t>
  </si>
  <si>
    <t>横浜市中区竹之丸</t>
  </si>
  <si>
    <t>横浜市中区立野</t>
  </si>
  <si>
    <t>横浜市中区千歳町</t>
  </si>
  <si>
    <t>横浜市中区千鳥町</t>
  </si>
  <si>
    <t>横浜市中区長者町</t>
  </si>
  <si>
    <t>横浜市中区千代崎町</t>
  </si>
  <si>
    <t>横浜市中区塚越</t>
  </si>
  <si>
    <t>横浜市中区寺久保</t>
  </si>
  <si>
    <t>横浜市中区常盤町</t>
  </si>
  <si>
    <t>横浜市中区豊浦町</t>
  </si>
  <si>
    <t>横浜市中区仲尾台</t>
  </si>
  <si>
    <t>横浜市中区錦町</t>
  </si>
  <si>
    <t>横浜市中区西竹之丸</t>
  </si>
  <si>
    <t>横浜市中区西之谷町</t>
  </si>
  <si>
    <t>横浜市中区日本大通</t>
  </si>
  <si>
    <t>横浜市中区根岸旭台</t>
  </si>
  <si>
    <t>横浜市中区根岸加曽台</t>
  </si>
  <si>
    <t>横浜市中区根岸台</t>
  </si>
  <si>
    <t>横浜市中区根岸町</t>
  </si>
  <si>
    <t>横浜市中区野毛町</t>
  </si>
  <si>
    <t>横浜市中区羽衣町</t>
  </si>
  <si>
    <t>横浜市中区初音町</t>
  </si>
  <si>
    <t>横浜市中区花咲町</t>
  </si>
  <si>
    <t>横浜市中区英町</t>
  </si>
  <si>
    <t>横浜市中区万代町</t>
  </si>
  <si>
    <t>横浜市中区日ノ出町</t>
  </si>
  <si>
    <t>横浜市中区福富町仲通</t>
  </si>
  <si>
    <t>横浜市中区福富町東通</t>
  </si>
  <si>
    <t>横浜市中区福富町西通</t>
  </si>
  <si>
    <t>横浜市中区富士見町</t>
  </si>
  <si>
    <t>横浜市中区不老町</t>
  </si>
  <si>
    <t>横浜市中区弁天通</t>
  </si>
  <si>
    <t>横浜市中区蓬莱町</t>
  </si>
  <si>
    <t>横浜市中区本郷町</t>
  </si>
  <si>
    <t>横浜市中区本町</t>
  </si>
  <si>
    <t>横浜市中区本牧荒井</t>
  </si>
  <si>
    <t>横浜市中区本牧大里町</t>
  </si>
  <si>
    <t>横浜市中区本牧三之谷</t>
  </si>
  <si>
    <t>横浜市中区本牧十二天</t>
  </si>
  <si>
    <t>横浜市中区本牧原</t>
  </si>
  <si>
    <t>横浜市中区本牧ふ頭</t>
  </si>
  <si>
    <t>横浜市中区本牧間門</t>
  </si>
  <si>
    <t>横浜市中区本牧満坂</t>
  </si>
  <si>
    <t>横浜市中区本牧緑ケ丘</t>
  </si>
  <si>
    <t>横浜市中区本牧宮原</t>
  </si>
  <si>
    <t>横浜市中区本牧元町</t>
  </si>
  <si>
    <t>横浜市中区本牧和田</t>
  </si>
  <si>
    <t>横浜市中区本牧町</t>
  </si>
  <si>
    <t>横浜市中区真砂町</t>
  </si>
  <si>
    <t>横浜市中区松影町</t>
  </si>
  <si>
    <t>横浜市中区豆口台</t>
  </si>
  <si>
    <t>横浜市中区港町</t>
  </si>
  <si>
    <t>横浜市中区南仲通</t>
  </si>
  <si>
    <t>横浜市中区南本牧</t>
  </si>
  <si>
    <t>横浜市中区簑沢</t>
  </si>
  <si>
    <t>横浜市中区宮川町</t>
  </si>
  <si>
    <t>横浜市中区妙香寺台</t>
  </si>
  <si>
    <t>横浜市中区三吉町</t>
  </si>
  <si>
    <t>横浜市中区麦田町</t>
  </si>
  <si>
    <t>横浜市中区元浜町</t>
  </si>
  <si>
    <t>横浜市中区元町</t>
  </si>
  <si>
    <t>横浜市中区矢口台</t>
  </si>
  <si>
    <t>横浜市中区山下町</t>
  </si>
  <si>
    <t>横浜市中区山田町</t>
  </si>
  <si>
    <t>横浜市中区山手町</t>
  </si>
  <si>
    <t>横浜市中区大和町</t>
  </si>
  <si>
    <t>横浜市中区山吹町</t>
  </si>
  <si>
    <t>横浜市中区山元町</t>
  </si>
  <si>
    <t>横浜市中区弥生町</t>
  </si>
  <si>
    <t>横浜市中区横浜公園</t>
  </si>
  <si>
    <t>横浜市中区吉田町</t>
  </si>
  <si>
    <t>横浜市中区吉浜町</t>
  </si>
  <si>
    <t>横浜市中区若葉町</t>
  </si>
  <si>
    <t>横浜市中区和田山</t>
  </si>
  <si>
    <t>横浜市南区井土ケ谷上町</t>
  </si>
  <si>
    <t>横浜市南区井土ケ谷中町</t>
  </si>
  <si>
    <t>横浜市南区井土ケ谷下町</t>
  </si>
  <si>
    <t>横浜市南区浦舟町</t>
  </si>
  <si>
    <t>横浜市南区永楽町</t>
  </si>
  <si>
    <t>横浜市南区榎町</t>
  </si>
  <si>
    <t>横浜市南区大岡</t>
  </si>
  <si>
    <t>横浜市南区大橋町</t>
  </si>
  <si>
    <t>横浜市南区庚台</t>
  </si>
  <si>
    <t>横浜市南区唐沢</t>
  </si>
  <si>
    <t>横浜市南区共進町</t>
  </si>
  <si>
    <t>横浜市南区弘明寺町</t>
  </si>
  <si>
    <t>横浜市南区山王町</t>
  </si>
  <si>
    <t>横浜市南区山谷</t>
  </si>
  <si>
    <t>横浜市南区清水ケ丘</t>
  </si>
  <si>
    <t>横浜市南区宿町</t>
  </si>
  <si>
    <t>横浜市南区白金町</t>
  </si>
  <si>
    <t>横浜市南区白妙町</t>
  </si>
  <si>
    <t>横浜市南区新川町</t>
  </si>
  <si>
    <t>横浜市南区高砂町</t>
  </si>
  <si>
    <t>横浜市南区高根町</t>
  </si>
  <si>
    <t>横浜市南区通町</t>
  </si>
  <si>
    <t>横浜市南区中里</t>
  </si>
  <si>
    <t>横浜市南区中里町</t>
  </si>
  <si>
    <t>横浜市南区中島町</t>
  </si>
  <si>
    <t>横浜市南区中村町</t>
  </si>
  <si>
    <t>横浜市南区永田山王台</t>
  </si>
  <si>
    <t>横浜市南区永田台</t>
  </si>
  <si>
    <t>横浜市南区永田みなみ台</t>
  </si>
  <si>
    <t>横浜市南区永田東</t>
  </si>
  <si>
    <t>横浜市南区永田南</t>
  </si>
  <si>
    <t>横浜市南区永田北</t>
  </si>
  <si>
    <t>横浜市南区西中町</t>
  </si>
  <si>
    <t>横浜市南区八幡町</t>
  </si>
  <si>
    <t>横浜市南区花之木町</t>
  </si>
  <si>
    <t>横浜市南区日枝町</t>
  </si>
  <si>
    <t>横浜市南区東蒔田町</t>
  </si>
  <si>
    <t>横浜市南区伏見町</t>
  </si>
  <si>
    <t>横浜市南区二葉町</t>
  </si>
  <si>
    <t>横浜市南区平楽</t>
  </si>
  <si>
    <t>横浜市南区別所</t>
  </si>
  <si>
    <t>横浜市南区別所中里台</t>
  </si>
  <si>
    <t>横浜市南区堀ノ内町</t>
  </si>
  <si>
    <t>横浜市南区蒔田町</t>
  </si>
  <si>
    <t>横浜市南区前里町</t>
  </si>
  <si>
    <t>横浜市南区真金町</t>
  </si>
  <si>
    <t>横浜市南区万世町</t>
  </si>
  <si>
    <t>横浜市南区南太田</t>
  </si>
  <si>
    <t>横浜市南区南吉田町</t>
  </si>
  <si>
    <t>横浜市南区三春台</t>
  </si>
  <si>
    <t>横浜市南区宮元町</t>
  </si>
  <si>
    <t>横浜市南区六ツ川</t>
  </si>
  <si>
    <t>横浜市南区睦町</t>
  </si>
  <si>
    <t>横浜市南区吉野町</t>
  </si>
  <si>
    <t>横浜市南区若宮町</t>
  </si>
  <si>
    <t>横浜市保土ケ谷区新井町</t>
  </si>
  <si>
    <t>横浜市保土ケ谷区今井町</t>
  </si>
  <si>
    <t>横浜市保土ケ谷区岩井町</t>
  </si>
  <si>
    <t>横浜市保土ケ谷区岩崎町</t>
  </si>
  <si>
    <t>横浜市保土ケ谷区岩間町</t>
  </si>
  <si>
    <t>横浜市保土ケ谷区岡沢町</t>
  </si>
  <si>
    <t>横浜市保土ケ谷区霞台</t>
  </si>
  <si>
    <t>横浜市保土ケ谷区帷子町</t>
  </si>
  <si>
    <t>横浜市保土ケ谷区釜台町</t>
  </si>
  <si>
    <t>横浜市保土ケ谷区鎌谷町</t>
  </si>
  <si>
    <t>横浜市保土ケ谷区上菅田町</t>
  </si>
  <si>
    <t>横浜市保土ケ谷区上星川</t>
  </si>
  <si>
    <t>横浜市保土ケ谷区狩場町</t>
  </si>
  <si>
    <t>横浜市保土ケ谷区川島町</t>
  </si>
  <si>
    <t>横浜市保土ケ谷区川辺町</t>
  </si>
  <si>
    <t>横浜市保土ケ谷区神戸町</t>
  </si>
  <si>
    <t>横浜市保土ケ谷区権太坂</t>
  </si>
  <si>
    <t>横浜市保土ケ谷区境木町</t>
  </si>
  <si>
    <t>横浜市保土ケ谷区境木本町</t>
  </si>
  <si>
    <t>横浜市保土ケ谷区坂本町</t>
  </si>
  <si>
    <t>横浜市保土ケ谷区桜ケ丘</t>
  </si>
  <si>
    <t>横浜市保土ケ谷区新桜ケ丘</t>
  </si>
  <si>
    <t>横浜市保土ケ谷区瀬戸ケ谷町</t>
  </si>
  <si>
    <t>横浜市保土ケ谷区月見台</t>
  </si>
  <si>
    <t>横浜市保土ケ谷区天王町</t>
  </si>
  <si>
    <t>横浜市保土ケ谷区常盤台</t>
  </si>
  <si>
    <t>横浜市保土ケ谷区西久保町</t>
  </si>
  <si>
    <t>横浜市保土ケ谷区西谷</t>
  </si>
  <si>
    <t>横浜市保土ケ谷区西谷町</t>
  </si>
  <si>
    <t>横浜市保土ケ谷区初音ケ丘</t>
  </si>
  <si>
    <t>横浜市保土ケ谷区花見台</t>
  </si>
  <si>
    <t>横浜市保土ケ谷区東川島町</t>
  </si>
  <si>
    <t>横浜市保土ケ谷区藤塚町</t>
  </si>
  <si>
    <t>横浜市保土ケ谷区仏向町</t>
  </si>
  <si>
    <t>横浜市保土ケ谷区仏向西</t>
  </si>
  <si>
    <t>横浜市保土ケ谷区法泉</t>
  </si>
  <si>
    <t>横浜市保土ケ谷区星川</t>
  </si>
  <si>
    <t>横浜市保土ケ谷区保土ケ谷町</t>
  </si>
  <si>
    <t>横浜市保土ケ谷区峰岡町</t>
  </si>
  <si>
    <t>横浜市保土ケ谷区峰沢町</t>
  </si>
  <si>
    <t>横浜市保土ケ谷区宮田町</t>
  </si>
  <si>
    <t>横浜市保土ケ谷区明神台</t>
  </si>
  <si>
    <t>横浜市保土ケ谷区和田</t>
  </si>
  <si>
    <t>横浜市磯子区磯子</t>
  </si>
  <si>
    <t>横浜市磯子区磯子台</t>
  </si>
  <si>
    <t>横浜市磯子区鳳町</t>
  </si>
  <si>
    <t>横浜市磯子区岡村</t>
  </si>
  <si>
    <t>横浜市磯子区上町</t>
  </si>
  <si>
    <t>横浜市磯子区上中里町</t>
  </si>
  <si>
    <t>横浜市磯子区栗木</t>
  </si>
  <si>
    <t>横浜市磯子区坂下町</t>
  </si>
  <si>
    <t>横浜市磯子区汐見台</t>
  </si>
  <si>
    <t>横浜市磯子区下町</t>
  </si>
  <si>
    <t>横浜市磯子区新磯子町</t>
  </si>
  <si>
    <t>横浜市磯子区新杉田町</t>
  </si>
  <si>
    <t>横浜市磯子区新中原町</t>
  </si>
  <si>
    <t>横浜市磯子区新森町</t>
  </si>
  <si>
    <t>横浜市磯子区杉田</t>
  </si>
  <si>
    <t>横浜市磯子区杉田坪呑</t>
  </si>
  <si>
    <t>横浜市磯子区滝頭</t>
  </si>
  <si>
    <t>横浜市磯子区田中</t>
  </si>
  <si>
    <t>横浜市磯子区中浜町</t>
  </si>
  <si>
    <t>横浜市磯子区中原</t>
  </si>
  <si>
    <t>横浜市磯子区西町</t>
  </si>
  <si>
    <t>横浜市磯子区馬場町</t>
  </si>
  <si>
    <t>横浜市磯子区原町</t>
  </si>
  <si>
    <t>横浜市磯子区東町</t>
  </si>
  <si>
    <t>横浜市磯子区久木町</t>
  </si>
  <si>
    <t>横浜市磯子区氷取沢町</t>
  </si>
  <si>
    <t>横浜市磯子区広地町</t>
  </si>
  <si>
    <t>横浜市磯子区丸山</t>
  </si>
  <si>
    <t>横浜市磯子区峰町</t>
  </si>
  <si>
    <t>横浜市磯子区森</t>
  </si>
  <si>
    <t>横浜市磯子区森が丘</t>
  </si>
  <si>
    <t>横浜市磯子区洋光台</t>
  </si>
  <si>
    <t>横浜市金沢区朝比奈町</t>
  </si>
  <si>
    <t>横浜市金沢区海の公園</t>
  </si>
  <si>
    <t>横浜市金沢区大川</t>
  </si>
  <si>
    <t>横浜市金沢区乙舳町</t>
  </si>
  <si>
    <t>横浜市金沢区片吹</t>
  </si>
  <si>
    <t>横浜市金沢区金沢町</t>
  </si>
  <si>
    <t>横浜市金沢区釜利谷町</t>
  </si>
  <si>
    <t>横浜市金沢区釜利谷東</t>
  </si>
  <si>
    <t>横浜市金沢区釜利谷西</t>
  </si>
  <si>
    <t>横浜市金沢区釜利谷南</t>
  </si>
  <si>
    <t>横浜市金沢区幸浦</t>
  </si>
  <si>
    <t>横浜市金沢区柴町</t>
  </si>
  <si>
    <t>横浜市金沢区昭和町</t>
  </si>
  <si>
    <t>横浜市金沢区白帆</t>
  </si>
  <si>
    <t>横浜市金沢区洲崎町</t>
  </si>
  <si>
    <t>横浜市金沢区瀬戸</t>
  </si>
  <si>
    <t>横浜市金沢区大道</t>
  </si>
  <si>
    <t>横浜市金沢区高舟台</t>
  </si>
  <si>
    <t>横浜市金沢区泥亀</t>
  </si>
  <si>
    <t>横浜市金沢区寺前</t>
  </si>
  <si>
    <t>横浜市金沢区富岡東</t>
  </si>
  <si>
    <t>横浜市金沢区富岡西</t>
  </si>
  <si>
    <t>横浜市金沢区鳥浜町</t>
  </si>
  <si>
    <t>横浜市金沢区長浜</t>
  </si>
  <si>
    <t>横浜市金沢区並木</t>
  </si>
  <si>
    <t>横浜市金沢区西柴</t>
  </si>
  <si>
    <t>横浜市金沢区能見台</t>
  </si>
  <si>
    <t>横浜市金沢区能見台通</t>
  </si>
  <si>
    <t>横浜市金沢区能見台東</t>
  </si>
  <si>
    <t>横浜市金沢区能見台森</t>
  </si>
  <si>
    <t>横浜市金沢区野島町</t>
  </si>
  <si>
    <t>横浜市金沢区八景島</t>
  </si>
  <si>
    <t>横浜市金沢区東朝比奈</t>
  </si>
  <si>
    <t>横浜市金沢区平潟町</t>
  </si>
  <si>
    <t>横浜市金沢区福浦</t>
  </si>
  <si>
    <t>横浜市金沢区堀口</t>
  </si>
  <si>
    <t>横浜市金沢区町屋町</t>
  </si>
  <si>
    <t>横浜市金沢区みず木町</t>
  </si>
  <si>
    <t>横浜市金沢区六浦</t>
  </si>
  <si>
    <t>横浜市金沢区六浦町</t>
  </si>
  <si>
    <t>横浜市金沢区六浦東</t>
  </si>
  <si>
    <t>横浜市金沢区六浦南</t>
  </si>
  <si>
    <t>横浜市金沢区谷津町</t>
  </si>
  <si>
    <t>横浜市金沢区柳町</t>
  </si>
  <si>
    <t>横浜市港北区大倉山</t>
  </si>
  <si>
    <t>横浜市港北区大曽根</t>
  </si>
  <si>
    <t>横浜市港北区大曽根台</t>
  </si>
  <si>
    <t>横浜市港北区菊名</t>
  </si>
  <si>
    <t>横浜市港北区岸根町</t>
  </si>
  <si>
    <t>横浜市港北区北新横浜</t>
  </si>
  <si>
    <t>横浜市港北区小机町</t>
  </si>
  <si>
    <t>横浜市港北区篠原台町</t>
  </si>
  <si>
    <t>横浜市港北区篠原町</t>
  </si>
  <si>
    <t>横浜市港北区篠原西町</t>
  </si>
  <si>
    <t>横浜市港北区篠原東</t>
  </si>
  <si>
    <t>横浜市港北区篠原北</t>
  </si>
  <si>
    <t>横浜市港北区下田町</t>
  </si>
  <si>
    <t>横浜市港北区新横浜</t>
  </si>
  <si>
    <t>横浜市港北区新吉田町</t>
  </si>
  <si>
    <t>横浜市港北区新吉田東</t>
  </si>
  <si>
    <t>横浜市港北区高田町</t>
  </si>
  <si>
    <t>横浜市港北区高田西</t>
  </si>
  <si>
    <t>横浜市港北区高田東</t>
  </si>
  <si>
    <t>横浜市港北区樽町</t>
  </si>
  <si>
    <t>横浜市港北区綱島上町</t>
  </si>
  <si>
    <t>横浜市港北区綱島台</t>
  </si>
  <si>
    <t>横浜市港北区綱島東</t>
  </si>
  <si>
    <t>横浜市港北区綱島西</t>
  </si>
  <si>
    <t>横浜市港北区鳥山町</t>
  </si>
  <si>
    <t>横浜市港北区仲手原</t>
  </si>
  <si>
    <t>横浜市港北区錦が丘</t>
  </si>
  <si>
    <t>横浜市港北区新羽町</t>
  </si>
  <si>
    <t>横浜市港北区日吉</t>
  </si>
  <si>
    <t>横浜市港北区日吉本町</t>
  </si>
  <si>
    <t>横浜市港北区富士塚</t>
  </si>
  <si>
    <t>横浜市港北区大豆戸町</t>
  </si>
  <si>
    <t>横浜市港北区箕輪町</t>
  </si>
  <si>
    <t>横浜市港北区師岡町</t>
  </si>
  <si>
    <t>横浜市戸塚区秋葉町</t>
  </si>
  <si>
    <t>横浜市戸塚区影取町</t>
  </si>
  <si>
    <t>横浜市戸塚区柏尾町</t>
  </si>
  <si>
    <t>横浜市戸塚区上柏尾町</t>
  </si>
  <si>
    <t>横浜市戸塚区上倉田町</t>
  </si>
  <si>
    <t>横浜市戸塚区上品濃</t>
  </si>
  <si>
    <t>横浜市戸塚区上矢部町</t>
  </si>
  <si>
    <t>横浜市戸塚区川上町</t>
  </si>
  <si>
    <t>横浜市戸塚区汲沢</t>
  </si>
  <si>
    <t>横浜市戸塚区汲沢町</t>
  </si>
  <si>
    <t>横浜市戸塚区小雀町</t>
  </si>
  <si>
    <t>横浜市戸塚区品濃町</t>
  </si>
  <si>
    <t>横浜市戸塚区下倉田町</t>
  </si>
  <si>
    <t>横浜市戸塚区戸塚町</t>
  </si>
  <si>
    <t>横浜市戸塚区鳥が丘</t>
  </si>
  <si>
    <t>横浜市戸塚区名瀬町</t>
  </si>
  <si>
    <t>横浜市戸塚区原宿</t>
  </si>
  <si>
    <t>横浜市戸塚区東俣野町</t>
  </si>
  <si>
    <t>横浜市戸塚区平戸</t>
  </si>
  <si>
    <t>横浜市戸塚区平戸町</t>
  </si>
  <si>
    <t>横浜市戸塚区深谷町</t>
  </si>
  <si>
    <t>横浜市戸塚区舞岡町</t>
  </si>
  <si>
    <t>横浜市戸塚区前田町</t>
  </si>
  <si>
    <t>横浜市戸塚区俣野町</t>
  </si>
  <si>
    <t>横浜市戸塚区南舞岡</t>
  </si>
  <si>
    <t>横浜市戸塚区矢部町</t>
  </si>
  <si>
    <t>横浜市戸塚区吉田町</t>
  </si>
  <si>
    <t>横浜市港南区大久保</t>
  </si>
  <si>
    <t>横浜市港南区上大岡東</t>
  </si>
  <si>
    <t>横浜市港南区上大岡西</t>
  </si>
  <si>
    <t>横浜市港南区上永谷</t>
  </si>
  <si>
    <t>横浜市港南区上永谷町</t>
  </si>
  <si>
    <t>横浜市港南区港南</t>
  </si>
  <si>
    <t>横浜市港南区港南台</t>
  </si>
  <si>
    <t>横浜市港南区港南中央通</t>
  </si>
  <si>
    <t>横浜市港南区最戸</t>
  </si>
  <si>
    <t>横浜市港南区笹下</t>
  </si>
  <si>
    <t>横浜市港南区下永谷</t>
  </si>
  <si>
    <t>横浜市港南区芹が谷</t>
  </si>
  <si>
    <t>横浜市港南区野庭町</t>
  </si>
  <si>
    <t>横浜市港南区東芹が谷</t>
  </si>
  <si>
    <t>横浜市港南区東永谷</t>
  </si>
  <si>
    <t>横浜市港南区日限山</t>
  </si>
  <si>
    <t>横浜市港南区日野</t>
  </si>
  <si>
    <t>横浜市港南区日野中央</t>
  </si>
  <si>
    <t>横浜市港南区日野南</t>
  </si>
  <si>
    <t>横浜市港南区丸山台</t>
  </si>
  <si>
    <t>横浜市旭区市沢町</t>
  </si>
  <si>
    <t>横浜市旭区今川町</t>
  </si>
  <si>
    <t>横浜市旭区今宿</t>
  </si>
  <si>
    <t>横浜市旭区今宿東町</t>
  </si>
  <si>
    <t>横浜市旭区今宿西町</t>
  </si>
  <si>
    <t>横浜市旭区今宿南町</t>
  </si>
  <si>
    <t>横浜市旭区今宿町</t>
  </si>
  <si>
    <t>横浜市旭区大池町</t>
  </si>
  <si>
    <t>横浜市旭区小高町</t>
  </si>
  <si>
    <t>横浜市旭区柏町</t>
  </si>
  <si>
    <t>横浜市旭区金が谷</t>
  </si>
  <si>
    <t>横浜市旭区上川井町</t>
  </si>
  <si>
    <t>横浜市旭区上白根</t>
  </si>
  <si>
    <t>横浜市旭区上白根町</t>
  </si>
  <si>
    <t>横浜市旭区川井宿町</t>
  </si>
  <si>
    <t>横浜市旭区川井本町</t>
  </si>
  <si>
    <t>横浜市旭区川島町</t>
  </si>
  <si>
    <t>横浜市旭区桐が作</t>
  </si>
  <si>
    <t>横浜市旭区左近山</t>
  </si>
  <si>
    <t>横浜市旭区笹野台</t>
  </si>
  <si>
    <t>横浜市旭区さちが丘</t>
  </si>
  <si>
    <t>横浜市旭区三反田町</t>
  </si>
  <si>
    <t>横浜市旭区四季美台</t>
  </si>
  <si>
    <t>横浜市旭区下川井町</t>
  </si>
  <si>
    <t>横浜市旭区白根</t>
  </si>
  <si>
    <t>横浜市旭区白根町</t>
  </si>
  <si>
    <t>横浜市旭区善部町</t>
  </si>
  <si>
    <t>横浜市旭区都岡町</t>
  </si>
  <si>
    <t>横浜市旭区鶴ケ峰</t>
  </si>
  <si>
    <t>横浜市旭区鶴ケ峰本町</t>
  </si>
  <si>
    <t>横浜市旭区中尾</t>
  </si>
  <si>
    <t>横浜市旭区中希望が丘</t>
  </si>
  <si>
    <t>横浜市旭区中沢</t>
  </si>
  <si>
    <t>横浜市旭区中白根</t>
  </si>
  <si>
    <t>横浜市旭区西川島町</t>
  </si>
  <si>
    <t>横浜市旭区東希望が丘</t>
  </si>
  <si>
    <t>横浜市旭区二俣川</t>
  </si>
  <si>
    <t>横浜市旭区本宿町</t>
  </si>
  <si>
    <t>横浜市旭区本村町</t>
  </si>
  <si>
    <t>横浜市旭区万騎が原</t>
  </si>
  <si>
    <t>横浜市旭区南希望が丘</t>
  </si>
  <si>
    <t>横浜市旭区南本宿町</t>
  </si>
  <si>
    <t>横浜市旭区矢指町</t>
  </si>
  <si>
    <t>横浜市旭区若葉台</t>
  </si>
  <si>
    <t>横浜市緑区青砥町</t>
  </si>
  <si>
    <t>横浜市緑区いぶき野</t>
  </si>
  <si>
    <t>横浜市緑区上山</t>
  </si>
  <si>
    <t>横浜市緑区鴨居</t>
  </si>
  <si>
    <t>横浜市緑区鴨居町</t>
  </si>
  <si>
    <t>横浜市緑区北八朔町</t>
  </si>
  <si>
    <t>横浜市緑区霧が丘</t>
  </si>
  <si>
    <t>横浜市緑区小山町</t>
  </si>
  <si>
    <t>横浜市緑区台村町</t>
  </si>
  <si>
    <t>横浜市緑区竹山</t>
  </si>
  <si>
    <t>横浜市緑区寺山町</t>
  </si>
  <si>
    <t>横浜市緑区十日市場町</t>
  </si>
  <si>
    <t>横浜市緑区中山</t>
  </si>
  <si>
    <t>横浜市緑区長津田</t>
  </si>
  <si>
    <t>横浜市緑区長津田町</t>
  </si>
  <si>
    <t>横浜市緑区長津田みなみ台</t>
  </si>
  <si>
    <t>横浜市緑区新治町</t>
  </si>
  <si>
    <t>横浜市緑区西八朔町</t>
  </si>
  <si>
    <t>横浜市緑区白山</t>
  </si>
  <si>
    <t>横浜市緑区東本郷</t>
  </si>
  <si>
    <t>横浜市緑区東本郷町</t>
  </si>
  <si>
    <t>横浜市緑区三保町</t>
  </si>
  <si>
    <t>横浜市緑区森の台</t>
  </si>
  <si>
    <t>横浜市瀬谷区相沢</t>
  </si>
  <si>
    <t>横浜市瀬谷区阿久和東</t>
  </si>
  <si>
    <t>横浜市瀬谷区阿久和西</t>
  </si>
  <si>
    <t>横浜市瀬谷区阿久和南</t>
  </si>
  <si>
    <t>横浜市瀬谷区東野</t>
  </si>
  <si>
    <t>横浜市瀬谷区東野台</t>
  </si>
  <si>
    <t>横浜市瀬谷区卸本町</t>
  </si>
  <si>
    <t>横浜市瀬谷区上瀬谷町</t>
  </si>
  <si>
    <t>横浜市瀬谷区北新</t>
  </si>
  <si>
    <t>横浜市瀬谷区北町</t>
  </si>
  <si>
    <t>横浜市瀬谷区五貫目町</t>
  </si>
  <si>
    <t>横浜市瀬谷区下瀬谷</t>
  </si>
  <si>
    <t>横浜市瀬谷区瀬谷</t>
  </si>
  <si>
    <t>横浜市瀬谷区瀬谷町</t>
  </si>
  <si>
    <t>横浜市瀬谷区竹村町</t>
  </si>
  <si>
    <t>横浜市瀬谷区中央</t>
  </si>
  <si>
    <t>横浜市瀬谷区中屋敷</t>
  </si>
  <si>
    <t>横浜市瀬谷区橋戸</t>
  </si>
  <si>
    <t>横浜市瀬谷区二ツ橋町</t>
  </si>
  <si>
    <t>横浜市瀬谷区本郷</t>
  </si>
  <si>
    <t>横浜市瀬谷区三ツ境</t>
  </si>
  <si>
    <t>横浜市瀬谷区南瀬谷</t>
  </si>
  <si>
    <t>横浜市瀬谷区南台</t>
  </si>
  <si>
    <t>横浜市瀬谷区宮沢</t>
  </si>
  <si>
    <t>横浜市瀬谷区目黒町</t>
  </si>
  <si>
    <t>横浜市栄区飯島町</t>
  </si>
  <si>
    <t>横浜市栄区犬山町</t>
  </si>
  <si>
    <t>横浜市栄区尾月</t>
  </si>
  <si>
    <t>横浜市栄区笠間</t>
  </si>
  <si>
    <t>横浜市栄区鍛冶ケ谷</t>
  </si>
  <si>
    <t>横浜市栄区鍛冶ケ谷町</t>
  </si>
  <si>
    <t>横浜市栄区桂台北</t>
  </si>
  <si>
    <t>横浜市栄区桂台中</t>
  </si>
  <si>
    <t>横浜市栄区桂台西</t>
  </si>
  <si>
    <t>横浜市栄区桂台東</t>
  </si>
  <si>
    <t>横浜市栄区桂台南</t>
  </si>
  <si>
    <t>横浜市栄区桂町</t>
  </si>
  <si>
    <t>横浜市栄区金井町</t>
  </si>
  <si>
    <t>横浜市栄区上郷町</t>
  </si>
  <si>
    <t>横浜市栄区上之町</t>
  </si>
  <si>
    <t>横浜市栄区亀井町</t>
  </si>
  <si>
    <t>横浜市栄区公田町</t>
  </si>
  <si>
    <t>横浜市栄区小菅ケ谷</t>
  </si>
  <si>
    <t>横浜市栄区小菅ケ谷町</t>
  </si>
  <si>
    <t>横浜市栄区小山台</t>
  </si>
  <si>
    <t>横浜市栄区庄戸</t>
  </si>
  <si>
    <t>横浜市栄区田谷町</t>
  </si>
  <si>
    <t>横浜市栄区中野町</t>
  </si>
  <si>
    <t>横浜市栄区長尾台町</t>
  </si>
  <si>
    <t>横浜市栄区長倉町</t>
  </si>
  <si>
    <t>横浜市栄区長沼町</t>
  </si>
  <si>
    <t>横浜市栄区野七里</t>
  </si>
  <si>
    <t>横浜市栄区柏陽</t>
  </si>
  <si>
    <t>横浜市栄区東上郷町</t>
  </si>
  <si>
    <t>横浜市栄区本郷台</t>
  </si>
  <si>
    <t>横浜市栄区元大橋</t>
  </si>
  <si>
    <t>横浜市栄区若竹町</t>
  </si>
  <si>
    <t>横浜市泉区池の谷</t>
  </si>
  <si>
    <t>横浜市泉区和泉が丘</t>
  </si>
  <si>
    <t>横浜市泉区和泉中央北</t>
  </si>
  <si>
    <t>横浜市泉区和泉中央南</t>
  </si>
  <si>
    <t>横浜市泉区和泉町</t>
  </si>
  <si>
    <t>横浜市泉区岡津町</t>
  </si>
  <si>
    <t>横浜市泉区桂坂</t>
  </si>
  <si>
    <t>横浜市泉区上飯田町</t>
  </si>
  <si>
    <t>横浜市泉区下飯田町</t>
  </si>
  <si>
    <t>横浜市泉区下和泉</t>
  </si>
  <si>
    <t>横浜市泉区白百合</t>
  </si>
  <si>
    <t>横浜市泉区新橋町</t>
  </si>
  <si>
    <t>横浜市泉区中田町</t>
  </si>
  <si>
    <t>横浜市泉区中田東</t>
  </si>
  <si>
    <t>横浜市泉区中田西</t>
  </si>
  <si>
    <t>横浜市泉区中田南</t>
  </si>
  <si>
    <t>横浜市泉区中田北</t>
  </si>
  <si>
    <t>横浜市泉区西が岡</t>
  </si>
  <si>
    <t>横浜市泉区弥生台</t>
  </si>
  <si>
    <t>横浜市泉区領家</t>
  </si>
  <si>
    <t>横浜市泉区緑園</t>
  </si>
  <si>
    <t>横浜市青葉区青葉台</t>
  </si>
  <si>
    <t>横浜市青葉区あかね台</t>
  </si>
  <si>
    <t>横浜市青葉区あざみ野</t>
  </si>
  <si>
    <t>横浜市青葉区あざみ野南</t>
  </si>
  <si>
    <t>横浜市青葉区市ケ尾町</t>
  </si>
  <si>
    <t>横浜市青葉区美しが丘</t>
  </si>
  <si>
    <t>横浜市青葉区美しが丘西</t>
  </si>
  <si>
    <t>横浜市青葉区梅が丘</t>
  </si>
  <si>
    <t>横浜市青葉区荏子田</t>
  </si>
  <si>
    <t>横浜市青葉区荏田町</t>
  </si>
  <si>
    <t>横浜市青葉区荏田西</t>
  </si>
  <si>
    <t>横浜市青葉区荏田北</t>
  </si>
  <si>
    <t>横浜市青葉区榎が丘</t>
  </si>
  <si>
    <t>横浜市青葉区大場町</t>
  </si>
  <si>
    <t>横浜市青葉区恩田町</t>
  </si>
  <si>
    <t>横浜市青葉区柿の木台</t>
  </si>
  <si>
    <t>横浜市青葉区桂台</t>
  </si>
  <si>
    <t>横浜市青葉区上谷本町</t>
  </si>
  <si>
    <t>横浜市青葉区鴨志田町</t>
  </si>
  <si>
    <t>横浜市青葉区鉄町</t>
  </si>
  <si>
    <t>横浜市青葉区黒須田</t>
  </si>
  <si>
    <t>横浜市青葉区桜台</t>
  </si>
  <si>
    <t>横浜市青葉区さつきが丘</t>
  </si>
  <si>
    <t>横浜市青葉区寺家町</t>
  </si>
  <si>
    <t>横浜市青葉区下谷本町</t>
  </si>
  <si>
    <t>横浜市青葉区しらとり台</t>
  </si>
  <si>
    <t>横浜市青葉区新石川</t>
  </si>
  <si>
    <t>横浜市青葉区すすき野</t>
  </si>
  <si>
    <t>横浜市青葉区すみよし台</t>
  </si>
  <si>
    <t>横浜市青葉区たちばな台</t>
  </si>
  <si>
    <t>横浜市青葉区田奈町</t>
  </si>
  <si>
    <t>横浜市青葉区千草台</t>
  </si>
  <si>
    <t>横浜市青葉区つつじが丘</t>
  </si>
  <si>
    <t>横浜市青葉区奈良</t>
  </si>
  <si>
    <t>横浜市青葉区奈良町</t>
  </si>
  <si>
    <t>横浜市青葉区成合町</t>
  </si>
  <si>
    <t>横浜市青葉区藤が丘</t>
  </si>
  <si>
    <t>横浜市青葉区松風台</t>
  </si>
  <si>
    <t>横浜市青葉区みすずが丘</t>
  </si>
  <si>
    <t>横浜市青葉区みたけ台</t>
  </si>
  <si>
    <t>横浜市青葉区緑山</t>
  </si>
  <si>
    <t>横浜市青葉区もえぎ野</t>
  </si>
  <si>
    <t>横浜市青葉区元石川町</t>
  </si>
  <si>
    <t>横浜市青葉区もみの木台</t>
  </si>
  <si>
    <t>横浜市青葉区若草台</t>
  </si>
  <si>
    <t>横浜市都筑区あゆみが丘</t>
  </si>
  <si>
    <t>横浜市都筑区池辺町</t>
  </si>
  <si>
    <t>横浜市都筑区牛久保</t>
  </si>
  <si>
    <t>横浜市都筑区牛久保町</t>
  </si>
  <si>
    <t>横浜市都筑区牛久保東</t>
  </si>
  <si>
    <t>横浜市都筑区牛久保西</t>
  </si>
  <si>
    <t>横浜市都筑区荏田東町</t>
  </si>
  <si>
    <t>横浜市都筑区荏田南町</t>
  </si>
  <si>
    <t>横浜市都筑区荏田東</t>
  </si>
  <si>
    <t>横浜市都筑区荏田南</t>
  </si>
  <si>
    <t>横浜市都筑区大熊町</t>
  </si>
  <si>
    <t>横浜市都筑区大棚西</t>
  </si>
  <si>
    <t>横浜市都筑区大棚町</t>
  </si>
  <si>
    <t>横浜市都筑区大丸</t>
  </si>
  <si>
    <t>横浜市都筑区折本町</t>
  </si>
  <si>
    <t>横浜市都筑区加賀原</t>
  </si>
  <si>
    <t>横浜市都筑区勝田町</t>
  </si>
  <si>
    <t>横浜市都筑区勝田南</t>
  </si>
  <si>
    <t>横浜市都筑区川向町</t>
  </si>
  <si>
    <t>横浜市都筑区川和台</t>
  </si>
  <si>
    <t>横浜市都筑区川和町</t>
  </si>
  <si>
    <t>横浜市都筑区北山田</t>
  </si>
  <si>
    <t>横浜市都筑区葛が谷</t>
  </si>
  <si>
    <t>横浜市都筑区佐江戸町</t>
  </si>
  <si>
    <t>横浜市都筑区桜並木</t>
  </si>
  <si>
    <t>横浜市都筑区新栄町</t>
  </si>
  <si>
    <t>横浜市都筑区すみれが丘</t>
  </si>
  <si>
    <t>横浜市都筑区高山</t>
  </si>
  <si>
    <t>横浜市都筑区茅ケ崎中央</t>
  </si>
  <si>
    <t>横浜市都筑区茅ケ崎町</t>
  </si>
  <si>
    <t>横浜市都筑区茅ケ崎東</t>
  </si>
  <si>
    <t>横浜市都筑区茅ケ崎南</t>
  </si>
  <si>
    <t>横浜市都筑区中川</t>
  </si>
  <si>
    <t>横浜市都筑区中川中央</t>
  </si>
  <si>
    <t>横浜市都筑区仲町台</t>
  </si>
  <si>
    <t>横浜市都筑区長坂</t>
  </si>
  <si>
    <t>横浜市都筑区二の丸</t>
  </si>
  <si>
    <t>横浜市都筑区早渕</t>
  </si>
  <si>
    <t>横浜市都筑区東方町</t>
  </si>
  <si>
    <t>横浜市都筑区東山田</t>
  </si>
  <si>
    <t>横浜市都筑区東山田町</t>
  </si>
  <si>
    <t>横浜市都筑区平台</t>
  </si>
  <si>
    <t>横浜市都筑区富士見が丘</t>
  </si>
  <si>
    <t>横浜市都筑区南山田</t>
  </si>
  <si>
    <t>横浜市都筑区南山田町</t>
  </si>
  <si>
    <t>横浜市都筑区見花山</t>
  </si>
  <si>
    <t>川崎市川崎区浅田</t>
  </si>
  <si>
    <t>川崎市川崎区浅野町</t>
  </si>
  <si>
    <t>川崎市川崎区旭町</t>
  </si>
  <si>
    <t>川崎市川崎区池上新町</t>
  </si>
  <si>
    <t>川崎市川崎区池上町</t>
  </si>
  <si>
    <t>川崎市川崎区池田</t>
  </si>
  <si>
    <t>川崎市川崎区砂子</t>
  </si>
  <si>
    <t>川崎市川崎区伊勢町</t>
  </si>
  <si>
    <t>川崎市川崎区浮島町</t>
  </si>
  <si>
    <t>川崎市川崎区江川</t>
  </si>
  <si>
    <t>川崎市川崎区駅前本町</t>
  </si>
  <si>
    <t>川崎市川崎区榎町</t>
  </si>
  <si>
    <t>川崎市川崎区追分町</t>
  </si>
  <si>
    <t>川崎市川崎区扇町</t>
  </si>
  <si>
    <t>川崎市川崎区大川町</t>
  </si>
  <si>
    <t>川崎市川崎区扇島</t>
  </si>
  <si>
    <t>川崎市川崎区大島</t>
  </si>
  <si>
    <t>川崎市川崎区大島上町</t>
  </si>
  <si>
    <t>川崎市川崎区小川町</t>
  </si>
  <si>
    <t>川崎市川崎区小田</t>
  </si>
  <si>
    <t>川崎市川崎区小田栄</t>
  </si>
  <si>
    <t>川崎市川崎区貝塚</t>
  </si>
  <si>
    <t>川崎市川崎区川中島</t>
  </si>
  <si>
    <t>川崎市川崎区観音</t>
  </si>
  <si>
    <t>川崎市川崎区京町</t>
  </si>
  <si>
    <t>川崎市川崎区鋼管通</t>
  </si>
  <si>
    <t>川崎市川崎区小島町</t>
  </si>
  <si>
    <t>川崎市川崎区境町</t>
  </si>
  <si>
    <t>川崎市川崎区桜本</t>
  </si>
  <si>
    <t>川崎市川崎区塩浜</t>
  </si>
  <si>
    <t>川崎市川崎区下並木</t>
  </si>
  <si>
    <t>川崎市川崎区昭和</t>
  </si>
  <si>
    <t>川崎市川崎区白石町</t>
  </si>
  <si>
    <t>川崎市川崎区新川通</t>
  </si>
  <si>
    <t>川崎市川崎区鈴木町</t>
  </si>
  <si>
    <t>川崎市川崎区台町</t>
  </si>
  <si>
    <t>川崎市川崎区田島町</t>
  </si>
  <si>
    <t>川崎市川崎区田辺新田</t>
  </si>
  <si>
    <t>川崎市川崎区田町</t>
  </si>
  <si>
    <t>川崎市川崎区大師駅前</t>
  </si>
  <si>
    <t>川崎市川崎区大師河原</t>
  </si>
  <si>
    <t>川崎市川崎区大師公園</t>
  </si>
  <si>
    <t>川崎市川崎区大師本町</t>
  </si>
  <si>
    <t>川崎市川崎区大師町</t>
  </si>
  <si>
    <t>川崎市川崎区千鳥町</t>
  </si>
  <si>
    <t>川崎市川崎区堤根</t>
  </si>
  <si>
    <t>川崎市川崎区出来野</t>
  </si>
  <si>
    <t>川崎市川崎区殿町</t>
  </si>
  <si>
    <t>川崎市川崎区中島</t>
  </si>
  <si>
    <t>川崎市川崎区中瀬</t>
  </si>
  <si>
    <t>川崎市川崎区日進町</t>
  </si>
  <si>
    <t>川崎市川崎区浜町</t>
  </si>
  <si>
    <t>川崎市川崎区東扇島</t>
  </si>
  <si>
    <t>川崎市川崎区東田町</t>
  </si>
  <si>
    <t>川崎市川崎区東門前</t>
  </si>
  <si>
    <t>川崎市川崎区日ノ出</t>
  </si>
  <si>
    <t>川崎市川崎区藤崎</t>
  </si>
  <si>
    <t>川崎市川崎区富士見</t>
  </si>
  <si>
    <t>川崎市川崎区堀之内町</t>
  </si>
  <si>
    <t>川崎市川崎区本町</t>
  </si>
  <si>
    <t>川崎市川崎区水江町</t>
  </si>
  <si>
    <t>川崎市川崎区港町</t>
  </si>
  <si>
    <t>川崎市川崎区南町</t>
  </si>
  <si>
    <t>川崎市川崎区南渡田町</t>
  </si>
  <si>
    <t>川崎市川崎区宮前町</t>
  </si>
  <si>
    <t>川崎市川崎区宮本町</t>
  </si>
  <si>
    <t>川崎市川崎区元木</t>
  </si>
  <si>
    <t>川崎市川崎区夜光</t>
  </si>
  <si>
    <t>川崎市川崎区四谷上町</t>
  </si>
  <si>
    <t>川崎市川崎区四谷下町</t>
  </si>
  <si>
    <t>川崎市川崎区渡田</t>
  </si>
  <si>
    <t>川崎市川崎区渡田山王町</t>
  </si>
  <si>
    <t>川崎市川崎区渡田新町</t>
  </si>
  <si>
    <t>川崎市川崎区渡田東町</t>
  </si>
  <si>
    <t>川崎市川崎区渡田向町</t>
  </si>
  <si>
    <t>川崎市幸区遠藤町</t>
  </si>
  <si>
    <t>川崎市幸区大宮町</t>
  </si>
  <si>
    <t>川崎市幸区小倉</t>
  </si>
  <si>
    <t>川崎市幸区鹿島田</t>
  </si>
  <si>
    <t>川崎市幸区河原町</t>
  </si>
  <si>
    <t>川崎市幸区北加瀬</t>
  </si>
  <si>
    <t>川崎市幸区小向東芝町</t>
  </si>
  <si>
    <t>川崎市幸区小向仲野町</t>
  </si>
  <si>
    <t>川崎市幸区小向西町</t>
  </si>
  <si>
    <t>川崎市幸区小向町</t>
  </si>
  <si>
    <t>川崎市幸区紺屋町</t>
  </si>
  <si>
    <t>川崎市幸区幸町</t>
  </si>
  <si>
    <t>川崎市幸区下平間</t>
  </si>
  <si>
    <t>川崎市幸区新小倉</t>
  </si>
  <si>
    <t>川崎市幸区新川崎</t>
  </si>
  <si>
    <t>川崎市幸区新塚越</t>
  </si>
  <si>
    <t>川崎市幸区神明町</t>
  </si>
  <si>
    <t>川崎市幸区塚越</t>
  </si>
  <si>
    <t>川崎市幸区戸手</t>
  </si>
  <si>
    <t>川崎市幸区戸手本町</t>
  </si>
  <si>
    <t>川崎市幸区中幸町</t>
  </si>
  <si>
    <t>川崎市幸区東小倉</t>
  </si>
  <si>
    <t>川崎市幸区東古市場</t>
  </si>
  <si>
    <t>川崎市幸区古市場</t>
  </si>
  <si>
    <t>川崎市幸区古川町</t>
  </si>
  <si>
    <t>川崎市幸区堀川町</t>
  </si>
  <si>
    <t>川崎市幸区南加瀬</t>
  </si>
  <si>
    <t>川崎市幸区南幸町</t>
  </si>
  <si>
    <t>川崎市幸区都町</t>
  </si>
  <si>
    <t>川崎市幸区矢上</t>
  </si>
  <si>
    <t>川崎市幸区柳町</t>
  </si>
  <si>
    <t>川崎市中原区井田</t>
  </si>
  <si>
    <t>川崎市中原区井田三舞町</t>
  </si>
  <si>
    <t>川崎市中原区井田杉山町</t>
  </si>
  <si>
    <t>川崎市中原区井田中ノ町</t>
  </si>
  <si>
    <t>川崎市中原区市ノ坪</t>
  </si>
  <si>
    <t>川崎市中原区今井上町</t>
  </si>
  <si>
    <t>川崎市中原区今井仲町</t>
  </si>
  <si>
    <t>川崎市中原区今井西町</t>
  </si>
  <si>
    <t>川崎市中原区今井南町</t>
  </si>
  <si>
    <t>川崎市中原区大倉町</t>
  </si>
  <si>
    <t>川崎市中原区上小田中</t>
  </si>
  <si>
    <t>川崎市中原区上新城</t>
  </si>
  <si>
    <t>川崎市中原区上平間</t>
  </si>
  <si>
    <t>川崎市中原区上丸子</t>
  </si>
  <si>
    <t>川崎市中原区上丸子山王町</t>
  </si>
  <si>
    <t>川崎市中原区上丸子天神町</t>
  </si>
  <si>
    <t>川崎市中原区上丸子八幡町</t>
  </si>
  <si>
    <t>川崎市中原区苅宿</t>
  </si>
  <si>
    <t>川崎市中原区北谷町</t>
  </si>
  <si>
    <t>川崎市中原区木月</t>
  </si>
  <si>
    <t>川崎市中原区木月伊勢町</t>
  </si>
  <si>
    <t>川崎市中原区木月祗園町</t>
  </si>
  <si>
    <t>川崎市中原区木月住吉町</t>
  </si>
  <si>
    <t>川崎市中原区木月大町</t>
  </si>
  <si>
    <t>川崎市中原区小杉</t>
  </si>
  <si>
    <t>川崎市中原区小杉御殿町</t>
  </si>
  <si>
    <t>川崎市中原区小杉陣屋町</t>
  </si>
  <si>
    <t>川崎市中原区小杉町</t>
  </si>
  <si>
    <t>川崎市中原区下小田中</t>
  </si>
  <si>
    <t>川崎市中原区下新城</t>
  </si>
  <si>
    <t>川崎市中原区下沼部</t>
  </si>
  <si>
    <t>川崎市中原区新城</t>
  </si>
  <si>
    <t>川崎市中原区新城中町</t>
  </si>
  <si>
    <t>川崎市中原区新丸子町</t>
  </si>
  <si>
    <t>川崎市中原区新丸子東</t>
  </si>
  <si>
    <t>川崎市中原区田尻町</t>
  </si>
  <si>
    <t>川崎市中原区等々力</t>
  </si>
  <si>
    <t>川崎市中原区中丸子</t>
  </si>
  <si>
    <t>川崎市中原区西加瀬</t>
  </si>
  <si>
    <t>川崎市中原区丸子通</t>
  </si>
  <si>
    <t>川崎市中原区宮内</t>
  </si>
  <si>
    <t>川崎市高津区明津</t>
  </si>
  <si>
    <t>川崎市高津区宇奈根</t>
  </si>
  <si>
    <t>川崎市高津区梶ケ谷</t>
  </si>
  <si>
    <t>川崎市高津区蟹ケ谷</t>
  </si>
  <si>
    <t>川崎市高津区上作延</t>
  </si>
  <si>
    <t>川崎市高津区北野川</t>
  </si>
  <si>
    <t>川崎市高津区北見方</t>
  </si>
  <si>
    <t>川崎市高津区久地</t>
  </si>
  <si>
    <t>川崎市高津区坂戸</t>
  </si>
  <si>
    <t>川崎市高津区子母口</t>
  </si>
  <si>
    <t>川崎市高津区下作延</t>
  </si>
  <si>
    <t>川崎市高津区下野毛</t>
  </si>
  <si>
    <t>川崎市高津区新作</t>
  </si>
  <si>
    <t>川崎市高津区末長</t>
  </si>
  <si>
    <t>川崎市高津区諏訪</t>
  </si>
  <si>
    <t>川崎市高津区瀬田</t>
  </si>
  <si>
    <t>川崎市高津区千年</t>
  </si>
  <si>
    <t>川崎市高津区千年新町</t>
  </si>
  <si>
    <t>川崎市高津区東野川</t>
  </si>
  <si>
    <t>川崎市高津区久末</t>
  </si>
  <si>
    <t>川崎市高津区久本</t>
  </si>
  <si>
    <t>川崎市高津区二子</t>
  </si>
  <si>
    <t>川崎市高津区溝口</t>
  </si>
  <si>
    <t>川崎市高津区向ケ丘</t>
  </si>
  <si>
    <t>川崎市多摩区生田</t>
  </si>
  <si>
    <t>川崎市多摩区栗谷</t>
  </si>
  <si>
    <t>川崎市多摩区宿河原</t>
  </si>
  <si>
    <t>川崎市多摩区菅</t>
  </si>
  <si>
    <t>川崎市多摩区菅稲田堤</t>
  </si>
  <si>
    <t>川崎市多摩区菅北浦</t>
  </si>
  <si>
    <t>川崎市多摩区菅城下</t>
  </si>
  <si>
    <t>川崎市多摩区菅仙谷</t>
  </si>
  <si>
    <t>川崎市多摩区菅野戸呂</t>
  </si>
  <si>
    <t>川崎市多摩区菅馬場</t>
  </si>
  <si>
    <t>川崎市多摩区堰</t>
  </si>
  <si>
    <t>川崎市多摩区寺尾台</t>
  </si>
  <si>
    <t>川崎市多摩区中野島</t>
  </si>
  <si>
    <t>川崎市多摩区長尾</t>
  </si>
  <si>
    <t>川崎市多摩区長沢</t>
  </si>
  <si>
    <t>川崎市多摩区西生田</t>
  </si>
  <si>
    <t>川崎市多摩区登戸</t>
  </si>
  <si>
    <t>川崎市多摩区登戸新町</t>
  </si>
  <si>
    <t>川崎市多摩区東生田</t>
  </si>
  <si>
    <t>川崎市多摩区東三田</t>
  </si>
  <si>
    <t>川崎市多摩区布田</t>
  </si>
  <si>
    <t>川崎市多摩区枡形</t>
  </si>
  <si>
    <t>川崎市多摩区三田</t>
  </si>
  <si>
    <t>川崎市多摩区南生田</t>
  </si>
  <si>
    <t>川崎市宮前区有馬</t>
  </si>
  <si>
    <t>川崎市宮前区犬蔵</t>
  </si>
  <si>
    <t>川崎市宮前区梶ケ谷</t>
  </si>
  <si>
    <t>川崎市宮前区けやき平</t>
  </si>
  <si>
    <t>川崎市宮前区五所塚</t>
  </si>
  <si>
    <t>川崎市宮前区小台</t>
  </si>
  <si>
    <t>川崎市宮前区鷺沼</t>
  </si>
  <si>
    <t>川崎市宮前区潮見台</t>
  </si>
  <si>
    <t>川崎市宮前区神木</t>
  </si>
  <si>
    <t>川崎市宮前区神木本町</t>
  </si>
  <si>
    <t>川崎市宮前区白幡台</t>
  </si>
  <si>
    <t>川崎市宮前区菅生</t>
  </si>
  <si>
    <t>川崎市宮前区菅生ケ丘</t>
  </si>
  <si>
    <t>川崎市宮前区平</t>
  </si>
  <si>
    <t>川崎市宮前区土橋</t>
  </si>
  <si>
    <t>川崎市宮前区南平台</t>
  </si>
  <si>
    <t>川崎市宮前区西野川</t>
  </si>
  <si>
    <t>川崎市宮前区野川台</t>
  </si>
  <si>
    <t>川崎市宮前区野川本町</t>
  </si>
  <si>
    <t>川崎市宮前区初山</t>
  </si>
  <si>
    <t>川崎市宮前区東有馬</t>
  </si>
  <si>
    <t>川崎市宮前区馬絹</t>
  </si>
  <si>
    <t>川崎市宮前区水沢</t>
  </si>
  <si>
    <t>川崎市宮前区南野川</t>
  </si>
  <si>
    <t>川崎市宮前区宮崎</t>
  </si>
  <si>
    <t>川崎市宮前区宮前平</t>
  </si>
  <si>
    <t>川崎市麻生区王禅寺</t>
  </si>
  <si>
    <t>川崎市麻生区王禅寺西</t>
  </si>
  <si>
    <t>川崎市麻生区王禅寺東</t>
  </si>
  <si>
    <t>川崎市麻生区岡上</t>
  </si>
  <si>
    <t>川崎市麻生区片平</t>
  </si>
  <si>
    <t>川崎市麻生区金程</t>
  </si>
  <si>
    <t>川崎市麻生区上麻生</t>
  </si>
  <si>
    <t>川崎市麻生区栗木</t>
  </si>
  <si>
    <t>川崎市麻生区栗木台</t>
  </si>
  <si>
    <t>川崎市麻生区栗平</t>
  </si>
  <si>
    <t>川崎市麻生区黒川</t>
  </si>
  <si>
    <t>川崎市麻生区五力田</t>
  </si>
  <si>
    <t>川崎市麻生区下麻生</t>
  </si>
  <si>
    <t>川崎市麻生区白鳥</t>
  </si>
  <si>
    <t>川崎市麻生区高石</t>
  </si>
  <si>
    <t>川崎市麻生区多摩美</t>
  </si>
  <si>
    <t>川崎市麻生区千代ケ丘</t>
  </si>
  <si>
    <t>川崎市麻生区虹ケ丘</t>
  </si>
  <si>
    <t>川崎市麻生区白山</t>
  </si>
  <si>
    <t>川崎市麻生区早野</t>
  </si>
  <si>
    <t>川崎市麻生区はるひ野</t>
  </si>
  <si>
    <t>川崎市麻生区東百合丘</t>
  </si>
  <si>
    <t>川崎市麻生区古沢</t>
  </si>
  <si>
    <t>川崎市麻生区細山</t>
  </si>
  <si>
    <t>川崎市麻生区万福寺</t>
  </si>
  <si>
    <t>川崎市麻生区南黒川</t>
  </si>
  <si>
    <t>川崎市麻生区向原</t>
  </si>
  <si>
    <t>川崎市麻生区百合丘</t>
  </si>
  <si>
    <t>相模原市緑区相原</t>
  </si>
  <si>
    <t>相模原市緑区青根</t>
  </si>
  <si>
    <t>相模原市緑区青野原</t>
  </si>
  <si>
    <t>相模原市緑区青山</t>
  </si>
  <si>
    <t>相模原市緑区太井</t>
  </si>
  <si>
    <t>相模原市緑区大島</t>
  </si>
  <si>
    <t>相模原市緑区大山町</t>
  </si>
  <si>
    <t>相模原市緑区小倉</t>
  </si>
  <si>
    <t>相模原市緑区小原</t>
  </si>
  <si>
    <t>相模原市緑区小渕</t>
  </si>
  <si>
    <t>相模原市緑区上九沢</t>
  </si>
  <si>
    <t>相模原市緑区川尻</t>
  </si>
  <si>
    <t>相模原市緑区久保沢</t>
  </si>
  <si>
    <t>相模原市緑区佐野川</t>
  </si>
  <si>
    <t>相模原市緑区澤井</t>
  </si>
  <si>
    <t>相模原市緑区下九沢</t>
  </si>
  <si>
    <t>相模原市緑区城山</t>
  </si>
  <si>
    <t>相模原市緑区田名</t>
  </si>
  <si>
    <t>相模原市緑区谷ヶ原</t>
  </si>
  <si>
    <t>相模原市緑区千木良</t>
  </si>
  <si>
    <t>相模原市緑区鳥屋</t>
  </si>
  <si>
    <t>相模原市緑区中沢</t>
  </si>
  <si>
    <t>相模原市緑区長竹</t>
  </si>
  <si>
    <t>相模原市緑区中野</t>
  </si>
  <si>
    <t>相模原市緑区名倉</t>
  </si>
  <si>
    <t>相模原市緑区西橋本</t>
  </si>
  <si>
    <t>相模原市緑区二本松</t>
  </si>
  <si>
    <t>相模原市緑区根小屋</t>
  </si>
  <si>
    <t>相模原市緑区橋本</t>
  </si>
  <si>
    <t>相模原市緑区橋本台</t>
  </si>
  <si>
    <t>相模原市緑区葉山島</t>
  </si>
  <si>
    <t>相模原市緑区原宿</t>
  </si>
  <si>
    <t>相模原市緑区原宿南</t>
  </si>
  <si>
    <t>相模原市緑区東橋本</t>
  </si>
  <si>
    <t>相模原市緑区日連</t>
  </si>
  <si>
    <t>相模原市緑区広田</t>
  </si>
  <si>
    <t>相模原市緑区牧野</t>
  </si>
  <si>
    <t>相模原市緑区又野</t>
  </si>
  <si>
    <t>相模原市緑区町屋</t>
  </si>
  <si>
    <t>相模原市緑区三井</t>
  </si>
  <si>
    <t>相模原市緑区三ケ木</t>
  </si>
  <si>
    <t>相模原市緑区向原</t>
  </si>
  <si>
    <t>相模原市緑区元橋本町</t>
  </si>
  <si>
    <t>相模原市緑区吉野</t>
  </si>
  <si>
    <t>相模原市緑区与瀬</t>
  </si>
  <si>
    <t>相模原市緑区与瀬本町</t>
  </si>
  <si>
    <t>相模原市緑区若葉台</t>
  </si>
  <si>
    <t>相模原市緑区若柳</t>
  </si>
  <si>
    <t>相模原市中央区相生</t>
  </si>
  <si>
    <t>相模原市中央区青葉</t>
  </si>
  <si>
    <t>相模原市中央区大野台</t>
  </si>
  <si>
    <t>相模原市中央区小山</t>
  </si>
  <si>
    <t>相模原市中央区鹿沼台</t>
  </si>
  <si>
    <t>相模原市中央区上溝</t>
  </si>
  <si>
    <t>相模原市中央区上矢部</t>
  </si>
  <si>
    <t>相模原市中央区共和</t>
  </si>
  <si>
    <t>相模原市中央区向陽町</t>
  </si>
  <si>
    <t>相模原市中央区小町通</t>
  </si>
  <si>
    <t>相模原市中央区相模原</t>
  </si>
  <si>
    <t>相模原市中央区下九沢</t>
  </si>
  <si>
    <t>相模原市中央区水郷田名</t>
  </si>
  <si>
    <t>相模原市中央区すすきの町</t>
  </si>
  <si>
    <t>相模原市中央区清新</t>
  </si>
  <si>
    <t>相模原市中央区高根</t>
  </si>
  <si>
    <t>相模原市中央区田名</t>
  </si>
  <si>
    <t>相模原市中央区田名塩田</t>
  </si>
  <si>
    <t>相模原市中央区中央</t>
  </si>
  <si>
    <t>相模原市中央区千代田</t>
  </si>
  <si>
    <t>相模原市中央区並木</t>
  </si>
  <si>
    <t>相模原市中央区東淵野辺</t>
  </si>
  <si>
    <t>相模原市中央区光が丘</t>
  </si>
  <si>
    <t>相模原市中央区氷川町</t>
  </si>
  <si>
    <t>相模原市中央区富士見</t>
  </si>
  <si>
    <t>相模原市中央区淵野辺</t>
  </si>
  <si>
    <t>相模原市中央区淵野辺本町</t>
  </si>
  <si>
    <t>相模原市中央区星が丘</t>
  </si>
  <si>
    <t>相模原市中央区松が丘</t>
  </si>
  <si>
    <t>相模原市中央区緑が丘</t>
  </si>
  <si>
    <t>相模原市中央区南橋本</t>
  </si>
  <si>
    <t>相模原市中央区宮下</t>
  </si>
  <si>
    <t>相模原市中央区宮下本町</t>
  </si>
  <si>
    <t>相模原市中央区弥栄</t>
  </si>
  <si>
    <t>相模原市中央区矢部</t>
  </si>
  <si>
    <t>相模原市中央区矢部新町</t>
  </si>
  <si>
    <t>相模原市中央区矢部新田</t>
  </si>
  <si>
    <t>相模原市中央区陽光台</t>
  </si>
  <si>
    <t>相模原市中央区横山</t>
  </si>
  <si>
    <t>相模原市中央区横山台</t>
  </si>
  <si>
    <t>相模原市中央区由野台</t>
  </si>
  <si>
    <t>相模原市南区旭町</t>
  </si>
  <si>
    <t>相模原市南区麻溝台</t>
  </si>
  <si>
    <t>相模原市南区新磯野</t>
  </si>
  <si>
    <t>相模原市南区磯部</t>
  </si>
  <si>
    <t>相模原市南区鵜野森</t>
  </si>
  <si>
    <t>相模原市南区大野台</t>
  </si>
  <si>
    <t>相模原市南区上鶴間</t>
  </si>
  <si>
    <t>相模原市南区上鶴間本町</t>
  </si>
  <si>
    <t>相模原市南区北里</t>
  </si>
  <si>
    <t>相模原市南区古淵</t>
  </si>
  <si>
    <t>相模原市南区栄町</t>
  </si>
  <si>
    <t>相模原市南区相模大野</t>
  </si>
  <si>
    <t>相模原市南区相模台</t>
  </si>
  <si>
    <t>相模原市南区相模台団地</t>
  </si>
  <si>
    <t>相模原市南区桜台</t>
  </si>
  <si>
    <t>相模原市南区下溝</t>
  </si>
  <si>
    <t>相模原市南区新戸</t>
  </si>
  <si>
    <t>相模原市南区相南</t>
  </si>
  <si>
    <t>相模原市南区相武台</t>
  </si>
  <si>
    <t>相模原市南区相武台団地</t>
  </si>
  <si>
    <t>相模原市南区当麻</t>
  </si>
  <si>
    <t>相模原市南区西大沼</t>
  </si>
  <si>
    <t>相模原市南区東大沼</t>
  </si>
  <si>
    <t>相模原市南区東林間</t>
  </si>
  <si>
    <t>相模原市南区双葉</t>
  </si>
  <si>
    <t>相模原市南区文京</t>
  </si>
  <si>
    <t>相模原市南区松が枝町</t>
  </si>
  <si>
    <t>相模原市南区御園</t>
  </si>
  <si>
    <t>相模原市南区南台</t>
  </si>
  <si>
    <t>相模原市南区豊町</t>
  </si>
  <si>
    <t>相模原市南区若松</t>
  </si>
  <si>
    <t>横須賀市秋谷</t>
  </si>
  <si>
    <t>横須賀市芦名</t>
  </si>
  <si>
    <t>横須賀市阿部倉</t>
  </si>
  <si>
    <t>横須賀市粟田</t>
  </si>
  <si>
    <t>横須賀市安針台</t>
  </si>
  <si>
    <t>横須賀市池上</t>
  </si>
  <si>
    <t>横須賀市池田町</t>
  </si>
  <si>
    <t>横須賀市稲岡町</t>
  </si>
  <si>
    <t>横須賀市不入斗町</t>
  </si>
  <si>
    <t>横須賀市岩戸</t>
  </si>
  <si>
    <t>横須賀市内川</t>
  </si>
  <si>
    <t>横須賀市内川新田</t>
  </si>
  <si>
    <t>横須賀市浦賀</t>
  </si>
  <si>
    <t>横須賀市浦賀丘</t>
  </si>
  <si>
    <t>横須賀市浦上台</t>
  </si>
  <si>
    <t>横須賀市浦郷町</t>
  </si>
  <si>
    <t>横須賀市上町</t>
  </si>
  <si>
    <t>横須賀市太田和</t>
  </si>
  <si>
    <t>横須賀市大滝町</t>
  </si>
  <si>
    <t>横須賀市大津町</t>
  </si>
  <si>
    <t>横須賀市大矢部</t>
  </si>
  <si>
    <t>横須賀市小川町</t>
  </si>
  <si>
    <t>横須賀市荻野</t>
  </si>
  <si>
    <t>横須賀市追浜東町</t>
  </si>
  <si>
    <t>横須賀市追浜南町</t>
  </si>
  <si>
    <t>横須賀市追浜本町</t>
  </si>
  <si>
    <t>横須賀市追浜町</t>
  </si>
  <si>
    <t>横須賀市小原台</t>
  </si>
  <si>
    <t>横須賀市金谷</t>
  </si>
  <si>
    <t>横須賀市鴨居</t>
  </si>
  <si>
    <t>横須賀市衣笠栄町</t>
  </si>
  <si>
    <t>横須賀市衣笠町</t>
  </si>
  <si>
    <t>横須賀市公郷町</t>
  </si>
  <si>
    <t>横須賀市楠ケ浦町</t>
  </si>
  <si>
    <t>横須賀市久比里</t>
  </si>
  <si>
    <t>横須賀市久村</t>
  </si>
  <si>
    <t>横須賀市久里浜</t>
  </si>
  <si>
    <t>横須賀市久里浜台</t>
  </si>
  <si>
    <t>横須賀市グリーンハイツ</t>
  </si>
  <si>
    <t>横須賀市光風台</t>
  </si>
  <si>
    <t>横須賀市子安</t>
  </si>
  <si>
    <t>横須賀市小矢部</t>
  </si>
  <si>
    <t>横須賀市坂本町</t>
  </si>
  <si>
    <t>横須賀市桜が丘</t>
  </si>
  <si>
    <t>横須賀市佐島</t>
  </si>
  <si>
    <t>横須賀市佐島の丘</t>
  </si>
  <si>
    <t>横須賀市佐野町</t>
  </si>
  <si>
    <t>横須賀市佐原</t>
  </si>
  <si>
    <t>横須賀市猿島</t>
  </si>
  <si>
    <t>横須賀市汐入町</t>
  </si>
  <si>
    <t>横須賀市汐見台</t>
  </si>
  <si>
    <t>横須賀市湘南国際村</t>
  </si>
  <si>
    <t>横須賀市湘南鷹取</t>
  </si>
  <si>
    <t>横須賀市新港町</t>
  </si>
  <si>
    <t>横須賀市神明町</t>
  </si>
  <si>
    <t>横須賀市須軽谷</t>
  </si>
  <si>
    <t>横須賀市田浦泉町</t>
  </si>
  <si>
    <t>横須賀市田浦大作町</t>
  </si>
  <si>
    <t>横須賀市田浦港町</t>
  </si>
  <si>
    <t>横須賀市田浦町</t>
  </si>
  <si>
    <t>横須賀市鷹取</t>
  </si>
  <si>
    <t>横須賀市武</t>
  </si>
  <si>
    <t>横須賀市田戸台</t>
  </si>
  <si>
    <t>横須賀市津久井</t>
  </si>
  <si>
    <t>横須賀市鶴が丘</t>
  </si>
  <si>
    <t>横須賀市泊町</t>
  </si>
  <si>
    <t>横須賀市長井</t>
  </si>
  <si>
    <t>横須賀市長浦町</t>
  </si>
  <si>
    <t>横須賀市長坂</t>
  </si>
  <si>
    <t>横須賀市長沢</t>
  </si>
  <si>
    <t>横須賀市長瀬</t>
  </si>
  <si>
    <t>横須賀市夏島町</t>
  </si>
  <si>
    <t>横須賀市西浦賀</t>
  </si>
  <si>
    <t>横須賀市西逸見町</t>
  </si>
  <si>
    <t>横須賀市根岸町</t>
  </si>
  <si>
    <t>横須賀市野比</t>
  </si>
  <si>
    <t>横須賀市ハイランド</t>
  </si>
  <si>
    <t>横須賀市箱崎町</t>
  </si>
  <si>
    <t>横須賀市走水</t>
  </si>
  <si>
    <t>横須賀市浜見台</t>
  </si>
  <si>
    <t>横須賀市林</t>
  </si>
  <si>
    <t>横須賀市東浦賀</t>
  </si>
  <si>
    <t>横須賀市東逸見町</t>
  </si>
  <si>
    <t>横須賀市光の丘</t>
  </si>
  <si>
    <t>横須賀市日の出町</t>
  </si>
  <si>
    <t>横須賀市平作</t>
  </si>
  <si>
    <t>横須賀市深田台</t>
  </si>
  <si>
    <t>横須賀市富士見町</t>
  </si>
  <si>
    <t>横須賀市二葉</t>
  </si>
  <si>
    <t>横須賀市舟倉</t>
  </si>
  <si>
    <t>横須賀市船越町</t>
  </si>
  <si>
    <t>横須賀市平成町</t>
  </si>
  <si>
    <t>横須賀市平和台</t>
  </si>
  <si>
    <t>横須賀市逸見が丘</t>
  </si>
  <si>
    <t>横須賀市望洋台</t>
  </si>
  <si>
    <t>横須賀市本町</t>
  </si>
  <si>
    <t>横須賀市馬堀海岸</t>
  </si>
  <si>
    <t>横須賀市馬堀町</t>
  </si>
  <si>
    <t>横須賀市緑が丘</t>
  </si>
  <si>
    <t>横須賀市港が丘</t>
  </si>
  <si>
    <t>横須賀市南浦賀</t>
  </si>
  <si>
    <t>横須賀市三春町</t>
  </si>
  <si>
    <t>横須賀市御幸浜</t>
  </si>
  <si>
    <t>横須賀市森崎</t>
  </si>
  <si>
    <t>横須賀市安浦町</t>
  </si>
  <si>
    <t>横須賀市山科台</t>
  </si>
  <si>
    <t>横須賀市山中町</t>
  </si>
  <si>
    <t>横須賀市吉井</t>
  </si>
  <si>
    <t>横須賀市吉倉町</t>
  </si>
  <si>
    <t>横須賀市米が浜通</t>
  </si>
  <si>
    <t>横須賀市若松町</t>
  </si>
  <si>
    <t>横須賀市若宮台</t>
  </si>
  <si>
    <t>平塚市明石町</t>
  </si>
  <si>
    <t>平塚市天沼</t>
  </si>
  <si>
    <t>平塚市飯島</t>
  </si>
  <si>
    <t>平塚市出縄</t>
  </si>
  <si>
    <t>平塚市入野</t>
  </si>
  <si>
    <t>平塚市入部</t>
  </si>
  <si>
    <t>平塚市榎木町</t>
  </si>
  <si>
    <t>平塚市老松町</t>
  </si>
  <si>
    <t>平塚市追分</t>
  </si>
  <si>
    <t>平塚市大神</t>
  </si>
  <si>
    <t>平塚市大島</t>
  </si>
  <si>
    <t>平塚市大原</t>
  </si>
  <si>
    <t>平塚市岡崎</t>
  </si>
  <si>
    <t>平塚市片岡</t>
  </si>
  <si>
    <t>平塚市上吉沢</t>
  </si>
  <si>
    <t>平塚市上平塚</t>
  </si>
  <si>
    <t>平塚市北金目</t>
  </si>
  <si>
    <t>平塚市北豊田</t>
  </si>
  <si>
    <t>平塚市城所</t>
  </si>
  <si>
    <t>平塚市公所</t>
  </si>
  <si>
    <t>平塚市久領堤</t>
  </si>
  <si>
    <t>平塚市黒部丘</t>
  </si>
  <si>
    <t>平塚市河内</t>
  </si>
  <si>
    <t>平塚市御殿</t>
  </si>
  <si>
    <t>平塚市小鍋島</t>
  </si>
  <si>
    <t>平塚市幸町</t>
  </si>
  <si>
    <t>平塚市桜ケ丘</t>
  </si>
  <si>
    <t>平塚市真田</t>
  </si>
  <si>
    <t>平塚市四之宮</t>
  </si>
  <si>
    <t>平塚市下吉沢</t>
  </si>
  <si>
    <t>平塚市下島</t>
  </si>
  <si>
    <t>平塚市新町</t>
  </si>
  <si>
    <t>平塚市須賀</t>
  </si>
  <si>
    <t>平塚市菫平</t>
  </si>
  <si>
    <t>平塚市諏訪町</t>
  </si>
  <si>
    <t>平塚市浅間町</t>
  </si>
  <si>
    <t>平塚市千石河岸</t>
  </si>
  <si>
    <t>平塚市千須谷</t>
  </si>
  <si>
    <t>平塚市袖ケ浜</t>
  </si>
  <si>
    <t>平塚市代官町</t>
  </si>
  <si>
    <t>平塚市高根</t>
  </si>
  <si>
    <t>平塚市高浜台</t>
  </si>
  <si>
    <t>平塚市高村</t>
  </si>
  <si>
    <t>平塚市宝町</t>
  </si>
  <si>
    <t>平塚市立野町</t>
  </si>
  <si>
    <t>平塚市田村</t>
  </si>
  <si>
    <t>平塚市達上ケ丘</t>
  </si>
  <si>
    <t>平塚市土屋</t>
  </si>
  <si>
    <t>平塚市堤町</t>
  </si>
  <si>
    <t>平塚市寺田縄</t>
  </si>
  <si>
    <t>平塚市唐ケ原</t>
  </si>
  <si>
    <t>平塚市徳延</t>
  </si>
  <si>
    <t>平塚市豊田打間木</t>
  </si>
  <si>
    <t>平塚市豊田小嶺</t>
  </si>
  <si>
    <t>平塚市豊田平等寺</t>
  </si>
  <si>
    <t>平塚市豊田本郷</t>
  </si>
  <si>
    <t>平塚市豊田宮下</t>
  </si>
  <si>
    <t>平塚市豊原町</t>
  </si>
  <si>
    <t>平塚市中里</t>
  </si>
  <si>
    <t>平塚市中堂</t>
  </si>
  <si>
    <t>平塚市中原</t>
  </si>
  <si>
    <t>平塚市中原上宿</t>
  </si>
  <si>
    <t>平塚市中原下宿</t>
  </si>
  <si>
    <t>平塚市長瀞</t>
  </si>
  <si>
    <t>平塚市長持</t>
  </si>
  <si>
    <t>平塚市撫子原</t>
  </si>
  <si>
    <t>平塚市錦町</t>
  </si>
  <si>
    <t>平塚市西真土</t>
  </si>
  <si>
    <t>平塚市西八幡</t>
  </si>
  <si>
    <t>平塚市虹ケ浜</t>
  </si>
  <si>
    <t>平塚市根坂間</t>
  </si>
  <si>
    <t>平塚市花水台</t>
  </si>
  <si>
    <t>平塚市馬入</t>
  </si>
  <si>
    <t>平塚市馬入本町</t>
  </si>
  <si>
    <t>平塚市東真土</t>
  </si>
  <si>
    <t>平塚市東豊田</t>
  </si>
  <si>
    <t>平塚市東中原</t>
  </si>
  <si>
    <t>平塚市東八幡</t>
  </si>
  <si>
    <t>平塚市日向岡</t>
  </si>
  <si>
    <t>平塚市平塚</t>
  </si>
  <si>
    <t>平塚市広川</t>
  </si>
  <si>
    <t>平塚市富士見町</t>
  </si>
  <si>
    <t>平塚市ふじみ野</t>
  </si>
  <si>
    <t>平塚市札場町</t>
  </si>
  <si>
    <t>平塚市紅谷町</t>
  </si>
  <si>
    <t>平塚市松風町</t>
  </si>
  <si>
    <t>平塚市纒</t>
  </si>
  <si>
    <t>平塚市万田</t>
  </si>
  <si>
    <t>平塚市見附町</t>
  </si>
  <si>
    <t>平塚市南金目</t>
  </si>
  <si>
    <t>平塚市南豊田</t>
  </si>
  <si>
    <t>平塚市南原</t>
  </si>
  <si>
    <t>平塚市宮の前</t>
  </si>
  <si>
    <t>平塚市宮松町</t>
  </si>
  <si>
    <t>平塚市めぐみが丘</t>
  </si>
  <si>
    <t>平塚市桃浜町</t>
  </si>
  <si>
    <t>平塚市八重咲町</t>
  </si>
  <si>
    <t>平塚市八千代町</t>
  </si>
  <si>
    <t>平塚市山下</t>
  </si>
  <si>
    <t>平塚市八幡</t>
  </si>
  <si>
    <t>平塚市夕陽ケ丘</t>
  </si>
  <si>
    <t>平塚市横内</t>
  </si>
  <si>
    <t>平塚市吉際</t>
  </si>
  <si>
    <t>平塚市龍城ケ丘</t>
  </si>
  <si>
    <t>鎌倉市稲村ガ崎</t>
  </si>
  <si>
    <t>鎌倉市今泉</t>
  </si>
  <si>
    <t>鎌倉市今泉台</t>
  </si>
  <si>
    <t>鎌倉市岩瀬</t>
  </si>
  <si>
    <t>鎌倉市植木</t>
  </si>
  <si>
    <t>鎌倉市扇ガ谷</t>
  </si>
  <si>
    <t>鎌倉市大船</t>
  </si>
  <si>
    <t>鎌倉市大町</t>
  </si>
  <si>
    <t>鎌倉市岡本</t>
  </si>
  <si>
    <t>鎌倉市御成町</t>
  </si>
  <si>
    <t>鎌倉市梶原</t>
  </si>
  <si>
    <t>鎌倉市鎌倉山</t>
  </si>
  <si>
    <t>鎌倉市上町屋</t>
  </si>
  <si>
    <t>鎌倉市極楽寺</t>
  </si>
  <si>
    <t>鎌倉市腰越</t>
  </si>
  <si>
    <t>鎌倉市小袋谷</t>
  </si>
  <si>
    <t>鎌倉市小町</t>
  </si>
  <si>
    <t>鎌倉市材木座</t>
  </si>
  <si>
    <t>鎌倉市坂ノ下</t>
  </si>
  <si>
    <t>鎌倉市笹目町</t>
  </si>
  <si>
    <t>鎌倉市佐助</t>
  </si>
  <si>
    <t>鎌倉市七里ガ浜</t>
  </si>
  <si>
    <t>鎌倉市七里ガ浜東</t>
  </si>
  <si>
    <t>鎌倉市十二所</t>
  </si>
  <si>
    <t>鎌倉市浄明寺</t>
  </si>
  <si>
    <t>鎌倉市城廻</t>
  </si>
  <si>
    <t>鎌倉市関谷</t>
  </si>
  <si>
    <t>鎌倉市台</t>
  </si>
  <si>
    <t>鎌倉市高野</t>
  </si>
  <si>
    <t>鎌倉市玉縄</t>
  </si>
  <si>
    <t>鎌倉市津</t>
  </si>
  <si>
    <t>鎌倉市津西</t>
  </si>
  <si>
    <t>鎌倉市手広</t>
  </si>
  <si>
    <t>鎌倉市寺分</t>
  </si>
  <si>
    <t>鎌倉市常盤</t>
  </si>
  <si>
    <t>鎌倉市二階堂</t>
  </si>
  <si>
    <t>鎌倉市西鎌倉</t>
  </si>
  <si>
    <t>鎌倉市西御門</t>
  </si>
  <si>
    <t>鎌倉市長谷</t>
  </si>
  <si>
    <t>鎌倉市笛田</t>
  </si>
  <si>
    <t>鎌倉市山崎</t>
  </si>
  <si>
    <t>鎌倉市山ノ内</t>
  </si>
  <si>
    <t>鎌倉市由比ガ浜</t>
  </si>
  <si>
    <t>鎌倉市雪ノ下</t>
  </si>
  <si>
    <t>藤沢市朝日町</t>
  </si>
  <si>
    <t>藤沢市石川</t>
  </si>
  <si>
    <t>藤沢市稲荷</t>
  </si>
  <si>
    <t>藤沢市今田</t>
  </si>
  <si>
    <t>藤沢市打戻</t>
  </si>
  <si>
    <t>藤沢市江の島</t>
  </si>
  <si>
    <t>藤沢市円行</t>
  </si>
  <si>
    <t>藤沢市遠藤</t>
  </si>
  <si>
    <t>藤沢市大庭</t>
  </si>
  <si>
    <t>藤沢市獺郷</t>
  </si>
  <si>
    <t>藤沢市片瀬</t>
  </si>
  <si>
    <t>藤沢市片瀬海岸</t>
  </si>
  <si>
    <t>藤沢市片瀬目白山</t>
  </si>
  <si>
    <t>藤沢市片瀬山</t>
  </si>
  <si>
    <t>藤沢市亀井野</t>
  </si>
  <si>
    <t>藤沢市柄沢</t>
  </si>
  <si>
    <t>藤沢市川名</t>
  </si>
  <si>
    <t>藤沢市桐原町</t>
  </si>
  <si>
    <t>藤沢市鵠沼</t>
  </si>
  <si>
    <t>藤沢市鵠沼石上</t>
  </si>
  <si>
    <t>藤沢市鵠沼海岸</t>
  </si>
  <si>
    <t>藤沢市鵠沼桜が岡</t>
  </si>
  <si>
    <t>藤沢市鵠沼神明</t>
  </si>
  <si>
    <t>藤沢市鵠沼橘</t>
  </si>
  <si>
    <t>藤沢市鵠沼花沢町</t>
  </si>
  <si>
    <t>藤沢市鵠沼藤が谷</t>
  </si>
  <si>
    <t>藤沢市鵠沼松が岡</t>
  </si>
  <si>
    <t>藤沢市鵠沼東</t>
  </si>
  <si>
    <t>藤沢市葛原</t>
  </si>
  <si>
    <t>藤沢市小塚</t>
  </si>
  <si>
    <t>藤沢市下土棚</t>
  </si>
  <si>
    <t>藤沢市城南</t>
  </si>
  <si>
    <t>藤沢市湘南台</t>
  </si>
  <si>
    <t>藤沢市菖蒲沢</t>
  </si>
  <si>
    <t>藤沢市白旗</t>
  </si>
  <si>
    <t>藤沢市善行</t>
  </si>
  <si>
    <t>藤沢市善行坂</t>
  </si>
  <si>
    <t>藤沢市善行団地</t>
  </si>
  <si>
    <t>藤沢市大鋸</t>
  </si>
  <si>
    <t>藤沢市高倉</t>
  </si>
  <si>
    <t>藤沢市高谷</t>
  </si>
  <si>
    <t>藤沢市立石</t>
  </si>
  <si>
    <t>藤沢市長後</t>
  </si>
  <si>
    <t>藤沢市辻堂</t>
  </si>
  <si>
    <t>藤沢市辻堂神台</t>
  </si>
  <si>
    <t>藤沢市辻堂新町</t>
  </si>
  <si>
    <t>藤沢市辻堂太平台</t>
  </si>
  <si>
    <t>藤沢市辻堂東海岸</t>
  </si>
  <si>
    <t>藤沢市辻堂西海岸</t>
  </si>
  <si>
    <t>藤沢市辻堂元町</t>
  </si>
  <si>
    <t>藤沢市土棚</t>
  </si>
  <si>
    <t>藤沢市天神町</t>
  </si>
  <si>
    <t>藤沢市並木台</t>
  </si>
  <si>
    <t>藤沢市西富</t>
  </si>
  <si>
    <t>藤沢市西俣野</t>
  </si>
  <si>
    <t>藤沢市羽鳥</t>
  </si>
  <si>
    <t>藤沢市花の木</t>
  </si>
  <si>
    <t>藤沢市藤が岡</t>
  </si>
  <si>
    <t>藤沢市藤沢</t>
  </si>
  <si>
    <t>藤沢市本鵠沼</t>
  </si>
  <si>
    <t>藤沢市本町</t>
  </si>
  <si>
    <t>藤沢市本藤沢</t>
  </si>
  <si>
    <t>藤沢市みその台</t>
  </si>
  <si>
    <t>藤沢市南藤沢</t>
  </si>
  <si>
    <t>藤沢市宮原</t>
  </si>
  <si>
    <t>藤沢市宮前</t>
  </si>
  <si>
    <t>藤沢市弥勒寺</t>
  </si>
  <si>
    <t>藤沢市村岡東</t>
  </si>
  <si>
    <t>藤沢市用田</t>
  </si>
  <si>
    <t>藤沢市渡内</t>
  </si>
  <si>
    <t>小田原市穴部</t>
  </si>
  <si>
    <t>小田原市穴部新田</t>
  </si>
  <si>
    <t>小田原市新屋</t>
  </si>
  <si>
    <t>小田原市飯泉</t>
  </si>
  <si>
    <t>小田原市飯田岡</t>
  </si>
  <si>
    <t>小田原市池上</t>
  </si>
  <si>
    <t>小田原市井細田</t>
  </si>
  <si>
    <t>小田原市石橋</t>
  </si>
  <si>
    <t>小田原市板橋</t>
  </si>
  <si>
    <t>小田原市入生田</t>
  </si>
  <si>
    <t>小田原市江之浦</t>
  </si>
  <si>
    <t>小田原市扇町</t>
  </si>
  <si>
    <t>小田原市荻窪</t>
  </si>
  <si>
    <t>小田原市小竹</t>
  </si>
  <si>
    <t>小田原市鬼柳</t>
  </si>
  <si>
    <t>小田原市小船</t>
  </si>
  <si>
    <t>小田原市風祭</t>
  </si>
  <si>
    <t>小田原市上町</t>
  </si>
  <si>
    <t>小田原市上新田</t>
  </si>
  <si>
    <t>小田原市上曽我</t>
  </si>
  <si>
    <t>小田原市鴨宮</t>
  </si>
  <si>
    <t>小田原市栢山</t>
  </si>
  <si>
    <t>小田原市川匂</t>
  </si>
  <si>
    <t>小田原市北ノ窪</t>
  </si>
  <si>
    <t>小田原市久野</t>
  </si>
  <si>
    <t>小田原市桑原</t>
  </si>
  <si>
    <t>小田原市国府津</t>
  </si>
  <si>
    <t>小田原市小台</t>
  </si>
  <si>
    <t>小田原市寿町</t>
  </si>
  <si>
    <t>小田原市米神</t>
  </si>
  <si>
    <t>小田原市小八幡</t>
  </si>
  <si>
    <t>小田原市栄町</t>
  </si>
  <si>
    <t>小田原市酒匂</t>
  </si>
  <si>
    <t>小田原市清水新田</t>
  </si>
  <si>
    <t>小田原市下大井</t>
  </si>
  <si>
    <t>小田原市下新田</t>
  </si>
  <si>
    <t>小田原市下堀</t>
  </si>
  <si>
    <t>小田原市十字</t>
  </si>
  <si>
    <t>小田原市城内</t>
  </si>
  <si>
    <t>小田原市城山</t>
  </si>
  <si>
    <t>小田原市曽我大沢</t>
  </si>
  <si>
    <t>小田原市曽我岸</t>
  </si>
  <si>
    <t>小田原市曽我光海</t>
  </si>
  <si>
    <t>小田原市曽我別所</t>
  </si>
  <si>
    <t>小田原市曽我谷津</t>
  </si>
  <si>
    <t>小田原市曽我原</t>
  </si>
  <si>
    <t>小田原市曽比</t>
  </si>
  <si>
    <t>小田原市高田</t>
  </si>
  <si>
    <t>小田原市多古</t>
  </si>
  <si>
    <t>小田原市田島</t>
  </si>
  <si>
    <t>小田原市千代</t>
  </si>
  <si>
    <t>小田原市中里</t>
  </si>
  <si>
    <t>小田原市中新田</t>
  </si>
  <si>
    <t>小田原市中曽根</t>
  </si>
  <si>
    <t>小田原市中町</t>
  </si>
  <si>
    <t>小田原市中村原</t>
  </si>
  <si>
    <t>小田原市永塚</t>
  </si>
  <si>
    <t>小田原市成田</t>
  </si>
  <si>
    <t>小田原市西大友</t>
  </si>
  <si>
    <t>小田原市西酒匂</t>
  </si>
  <si>
    <t>小田原市沼代</t>
  </si>
  <si>
    <t>小田原市根府川</t>
  </si>
  <si>
    <t>小田原市延清</t>
  </si>
  <si>
    <t>小田原市羽根尾</t>
  </si>
  <si>
    <t>小田原市浜町</t>
  </si>
  <si>
    <t>小田原市早川</t>
  </si>
  <si>
    <t>小田原市東大友</t>
  </si>
  <si>
    <t>小田原市東ヶ丘</t>
  </si>
  <si>
    <t>小田原市東町</t>
  </si>
  <si>
    <t>小田原市府川</t>
  </si>
  <si>
    <t>小田原市別堀</t>
  </si>
  <si>
    <t>小田原市堀之内</t>
  </si>
  <si>
    <t>小田原市本町</t>
  </si>
  <si>
    <t>小田原市前川</t>
  </si>
  <si>
    <t>小田原市水之尾</t>
  </si>
  <si>
    <t>小田原市緑</t>
  </si>
  <si>
    <t>小田原市南板橋</t>
  </si>
  <si>
    <t>小田原市南鴨宮</t>
  </si>
  <si>
    <t>小田原市南町</t>
  </si>
  <si>
    <t>小田原市谷津</t>
  </si>
  <si>
    <t>小田原市柳新田</t>
  </si>
  <si>
    <t>小田原市矢作</t>
  </si>
  <si>
    <t>小田原市山西</t>
  </si>
  <si>
    <t>小田原市蓮正寺</t>
  </si>
  <si>
    <t>茅ヶ崎市赤羽根</t>
  </si>
  <si>
    <t>茅ヶ崎市赤松町</t>
  </si>
  <si>
    <t>茅ヶ崎市旭が丘</t>
  </si>
  <si>
    <t>茅ヶ崎市甘沼</t>
  </si>
  <si>
    <t>茅ヶ崎市今宿</t>
  </si>
  <si>
    <t>茅ヶ崎市円蔵</t>
  </si>
  <si>
    <t>茅ヶ崎市香川</t>
  </si>
  <si>
    <t>茅ヶ崎市小桜町</t>
  </si>
  <si>
    <t>茅ヶ崎市小和田</t>
  </si>
  <si>
    <t>茅ヶ崎市幸町</t>
  </si>
  <si>
    <t>茅ヶ崎市汐見台</t>
  </si>
  <si>
    <t>茅ヶ崎市下寺尾</t>
  </si>
  <si>
    <t>茅ヶ崎市下町屋</t>
  </si>
  <si>
    <t>茅ヶ崎市十間坂</t>
  </si>
  <si>
    <t>茅ヶ崎市松林</t>
  </si>
  <si>
    <t>茅ヶ崎市白浜町</t>
  </si>
  <si>
    <t>茅ヶ崎市新栄町</t>
  </si>
  <si>
    <t>茅ヶ崎市芹沢</t>
  </si>
  <si>
    <t>茅ヶ崎市代官町</t>
  </si>
  <si>
    <t>茅ヶ崎市高田</t>
  </si>
  <si>
    <t>茅ヶ崎市茅ヶ崎</t>
  </si>
  <si>
    <t>茅ヶ崎市堤</t>
  </si>
  <si>
    <t>茅ヶ崎市鶴が台</t>
  </si>
  <si>
    <t>茅ヶ崎市出口町</t>
  </si>
  <si>
    <t>茅ヶ崎市常盤町</t>
  </si>
  <si>
    <t>茅ヶ崎市共恵</t>
  </si>
  <si>
    <t>茅ヶ崎市中海岸</t>
  </si>
  <si>
    <t>茅ヶ崎市中島</t>
  </si>
  <si>
    <t>茅ヶ崎市行谷</t>
  </si>
  <si>
    <t>茅ヶ崎市南湖</t>
  </si>
  <si>
    <t>茅ヶ崎市西久保</t>
  </si>
  <si>
    <t>茅ヶ崎市萩園</t>
  </si>
  <si>
    <t>茅ヶ崎市浜須賀</t>
  </si>
  <si>
    <t>茅ヶ崎市浜竹</t>
  </si>
  <si>
    <t>茅ヶ崎市浜之郷</t>
  </si>
  <si>
    <t>茅ヶ崎市浜見平</t>
  </si>
  <si>
    <t>茅ヶ崎市東海岸南</t>
  </si>
  <si>
    <t>茅ヶ崎市東海岸北</t>
  </si>
  <si>
    <t>茅ヶ崎市菱沼</t>
  </si>
  <si>
    <t>茅ヶ崎市菱沼海岸</t>
  </si>
  <si>
    <t>茅ヶ崎市ひばりが丘</t>
  </si>
  <si>
    <t>茅ヶ崎市富士見町</t>
  </si>
  <si>
    <t>茅ヶ崎市平太夫新田</t>
  </si>
  <si>
    <t>茅ヶ崎市平和町</t>
  </si>
  <si>
    <t>茅ヶ崎市本宿町</t>
  </si>
  <si>
    <t>茅ヶ崎市本村</t>
  </si>
  <si>
    <t>茅ヶ崎市松尾</t>
  </si>
  <si>
    <t>茅ヶ崎市松風台</t>
  </si>
  <si>
    <t>茅ヶ崎市松が丘</t>
  </si>
  <si>
    <t>茅ヶ崎市松浪</t>
  </si>
  <si>
    <t>茅ヶ崎市みずき</t>
  </si>
  <si>
    <t>茅ヶ崎市美住町</t>
  </si>
  <si>
    <t>茅ヶ崎市緑が浜</t>
  </si>
  <si>
    <t>茅ヶ崎市室田</t>
  </si>
  <si>
    <t>茅ヶ崎市元町</t>
  </si>
  <si>
    <t>茅ヶ崎市柳島</t>
  </si>
  <si>
    <t>茅ヶ崎市柳島海岸</t>
  </si>
  <si>
    <t>茅ヶ崎市矢畑</t>
  </si>
  <si>
    <t>茅ヶ崎市若松町</t>
  </si>
  <si>
    <t>逗子市池子</t>
  </si>
  <si>
    <t>逗子市小坪</t>
  </si>
  <si>
    <t>逗子市桜山</t>
  </si>
  <si>
    <t>逗子市新宿</t>
  </si>
  <si>
    <t>逗子市逗子</t>
  </si>
  <si>
    <t>逗子市沼間</t>
  </si>
  <si>
    <t>逗子市久木</t>
  </si>
  <si>
    <t>逗子市山の根</t>
  </si>
  <si>
    <t>三浦市尾上町</t>
  </si>
  <si>
    <t>三浦市海外町</t>
  </si>
  <si>
    <t>三浦市岬陽町</t>
  </si>
  <si>
    <t>三浦市栄町</t>
  </si>
  <si>
    <t>三浦市白石町</t>
  </si>
  <si>
    <t>三浦市城山町</t>
  </si>
  <si>
    <t>三浦市諏訪町</t>
  </si>
  <si>
    <t>三浦市天神町</t>
  </si>
  <si>
    <t>三浦市初声町入江</t>
  </si>
  <si>
    <t>三浦市初声町高円坊</t>
  </si>
  <si>
    <t>三浦市初声町下宮田</t>
  </si>
  <si>
    <t>三浦市初声町三戸</t>
  </si>
  <si>
    <t>三浦市初声町和田</t>
  </si>
  <si>
    <t>三浦市原町</t>
  </si>
  <si>
    <t>三浦市晴海町</t>
  </si>
  <si>
    <t>三浦市東岡町</t>
  </si>
  <si>
    <t>三浦市三崎</t>
  </si>
  <si>
    <t>三浦市三崎町小網代</t>
  </si>
  <si>
    <t>三浦市三崎町城ケ島</t>
  </si>
  <si>
    <t>三浦市三崎町六合</t>
  </si>
  <si>
    <t>三浦市三崎町諸磯</t>
  </si>
  <si>
    <t>三浦市南下浦町金田</t>
  </si>
  <si>
    <t>三浦市南下浦町上宮田</t>
  </si>
  <si>
    <t>三浦市南下浦町菊名</t>
  </si>
  <si>
    <t>三浦市南下浦町毘沙門</t>
  </si>
  <si>
    <t>三浦市南下浦町松輪</t>
  </si>
  <si>
    <t>三浦市宮川町</t>
  </si>
  <si>
    <t>三浦市向ケ崎町</t>
  </si>
  <si>
    <t>秦野市今泉</t>
  </si>
  <si>
    <t>秦野市今泉台</t>
  </si>
  <si>
    <t>秦野市今川町</t>
  </si>
  <si>
    <t>秦野市入船町</t>
  </si>
  <si>
    <t>秦野市尾尻</t>
  </si>
  <si>
    <t>秦野市落合</t>
  </si>
  <si>
    <t>秦野市春日町</t>
  </si>
  <si>
    <t>秦野市上今川町</t>
  </si>
  <si>
    <t>秦野市上大槻</t>
  </si>
  <si>
    <t>秦野市河原町</t>
  </si>
  <si>
    <t>秦野市北矢名</t>
  </si>
  <si>
    <t>秦野市寿町</t>
  </si>
  <si>
    <t>秦野市小蓑毛</t>
  </si>
  <si>
    <t>秦野市幸町</t>
  </si>
  <si>
    <t>秦野市栄町</t>
  </si>
  <si>
    <t>秦野市桜町</t>
  </si>
  <si>
    <t>秦野市三屋</t>
  </si>
  <si>
    <t>秦野市渋沢</t>
  </si>
  <si>
    <t>秦野市渋沢上</t>
  </si>
  <si>
    <t>秦野市清水町</t>
  </si>
  <si>
    <t>秦野市下大槻</t>
  </si>
  <si>
    <t>秦野市下落合</t>
  </si>
  <si>
    <t>秦野市菖蒲</t>
  </si>
  <si>
    <t>秦野市新町</t>
  </si>
  <si>
    <t>秦野市水神町</t>
  </si>
  <si>
    <t>秦野市末広町</t>
  </si>
  <si>
    <t>秦野市鈴張町</t>
  </si>
  <si>
    <t>秦野市曽屋</t>
  </si>
  <si>
    <t>秦野市大秦町</t>
  </si>
  <si>
    <t>秦野市立野台</t>
  </si>
  <si>
    <t>秦野市千村</t>
  </si>
  <si>
    <t>秦野市鶴巻</t>
  </si>
  <si>
    <t>秦野市鶴巻南</t>
  </si>
  <si>
    <t>秦野市鶴巻北</t>
  </si>
  <si>
    <t>秦野市寺山</t>
  </si>
  <si>
    <t>秦野市戸川</t>
  </si>
  <si>
    <t>秦野市名古木</t>
  </si>
  <si>
    <t>秦野市並木町</t>
  </si>
  <si>
    <t>秦野市西大竹</t>
  </si>
  <si>
    <t>秦野市西田原</t>
  </si>
  <si>
    <t>秦野市沼代新町</t>
  </si>
  <si>
    <t>秦野市萩が丘</t>
  </si>
  <si>
    <t>秦野市八沢</t>
  </si>
  <si>
    <t>秦野市羽根</t>
  </si>
  <si>
    <t>秦野市東田原</t>
  </si>
  <si>
    <t>秦野市ひばりケ丘</t>
  </si>
  <si>
    <t>秦野市平沢</t>
  </si>
  <si>
    <t>秦野市富士見町</t>
  </si>
  <si>
    <t>秦野市文京町</t>
  </si>
  <si>
    <t>秦野市菩提</t>
  </si>
  <si>
    <t>秦野市堀川</t>
  </si>
  <si>
    <t>秦野市堀山下</t>
  </si>
  <si>
    <t>秦野市堀西</t>
  </si>
  <si>
    <t>秦野市本町</t>
  </si>
  <si>
    <t>秦野市曲松</t>
  </si>
  <si>
    <t>秦野市松原町</t>
  </si>
  <si>
    <t>秦野市三廻部</t>
  </si>
  <si>
    <t>秦野市緑町</t>
  </si>
  <si>
    <t>秦野市南が丘</t>
  </si>
  <si>
    <t>秦野市南矢名</t>
  </si>
  <si>
    <t>秦野市蓑毛</t>
  </si>
  <si>
    <t>秦野市室町</t>
  </si>
  <si>
    <t>秦野市元町</t>
  </si>
  <si>
    <t>秦野市柳川</t>
  </si>
  <si>
    <t>秦野市柳町</t>
  </si>
  <si>
    <t>秦野市弥生町</t>
  </si>
  <si>
    <t>秦野市横野</t>
  </si>
  <si>
    <t>秦野市若松町</t>
  </si>
  <si>
    <t>厚木市愛甲</t>
  </si>
  <si>
    <t>厚木市愛甲西</t>
  </si>
  <si>
    <t>厚木市愛甲東</t>
  </si>
  <si>
    <t>厚木市愛名</t>
  </si>
  <si>
    <t>厚木市旭町</t>
  </si>
  <si>
    <t>厚木市厚木</t>
  </si>
  <si>
    <t>厚木市厚木町</t>
  </si>
  <si>
    <t>厚木市吾妻町</t>
  </si>
  <si>
    <t>厚木市飯山</t>
  </si>
  <si>
    <t>厚木市飯山南</t>
  </si>
  <si>
    <t>厚木市泉町</t>
  </si>
  <si>
    <t>厚木市及川</t>
  </si>
  <si>
    <t>厚木市王子</t>
  </si>
  <si>
    <t>厚木市岡田</t>
  </si>
  <si>
    <t>厚木市岡津古久</t>
  </si>
  <si>
    <t>厚木市小野</t>
  </si>
  <si>
    <t>厚木市恩名</t>
  </si>
  <si>
    <t>厚木市金田</t>
  </si>
  <si>
    <t>厚木市上依知</t>
  </si>
  <si>
    <t>厚木市上荻野</t>
  </si>
  <si>
    <t>厚木市上落合</t>
  </si>
  <si>
    <t>厚木市上古沢</t>
  </si>
  <si>
    <t>厚木市寿町</t>
  </si>
  <si>
    <t>厚木市幸町</t>
  </si>
  <si>
    <t>厚木市酒井</t>
  </si>
  <si>
    <t>厚木市栄町</t>
  </si>
  <si>
    <t>厚木市猿ケ島</t>
  </si>
  <si>
    <t>厚木市三田</t>
  </si>
  <si>
    <t>厚木市三田南</t>
  </si>
  <si>
    <t>厚木市下依知</t>
  </si>
  <si>
    <t>厚木市下荻野</t>
  </si>
  <si>
    <t>厚木市下川入</t>
  </si>
  <si>
    <t>厚木市下津古久</t>
  </si>
  <si>
    <t>厚木市下古沢</t>
  </si>
  <si>
    <t>厚木市関口</t>
  </si>
  <si>
    <t>厚木市棚沢</t>
  </si>
  <si>
    <t>厚木市田村町</t>
  </si>
  <si>
    <t>厚木市妻田</t>
  </si>
  <si>
    <t>厚木市妻田東</t>
  </si>
  <si>
    <t>厚木市妻田西</t>
  </si>
  <si>
    <t>厚木市妻田南</t>
  </si>
  <si>
    <t>厚木市妻田北</t>
  </si>
  <si>
    <t>厚木市戸田</t>
  </si>
  <si>
    <t>厚木市鳶尾</t>
  </si>
  <si>
    <t>厚木市戸室</t>
  </si>
  <si>
    <t>厚木市中依知</t>
  </si>
  <si>
    <t>厚木市中荻野</t>
  </si>
  <si>
    <t>厚木市中町</t>
  </si>
  <si>
    <t>厚木市長沼</t>
  </si>
  <si>
    <t>厚木市七沢</t>
  </si>
  <si>
    <t>厚木市温水</t>
  </si>
  <si>
    <t>厚木市温水西</t>
  </si>
  <si>
    <t>厚木市長谷</t>
  </si>
  <si>
    <t>厚木市林</t>
  </si>
  <si>
    <t>厚木市東町</t>
  </si>
  <si>
    <t>厚木市船子</t>
  </si>
  <si>
    <t>厚木市松枝</t>
  </si>
  <si>
    <t>厚木市まつかげ台</t>
  </si>
  <si>
    <t>厚木市水引</t>
  </si>
  <si>
    <t>厚木市緑ケ丘</t>
  </si>
  <si>
    <t>厚木市南町</t>
  </si>
  <si>
    <t>厚木市みはる野</t>
  </si>
  <si>
    <t>厚木市宮の里</t>
  </si>
  <si>
    <t>厚木市毛利台</t>
  </si>
  <si>
    <t>厚木市元町</t>
  </si>
  <si>
    <t>厚木市森の里</t>
  </si>
  <si>
    <t>厚木市森の里青山</t>
  </si>
  <si>
    <t>厚木市森の里若宮</t>
  </si>
  <si>
    <t>厚木市山際</t>
  </si>
  <si>
    <t>大和市上草柳</t>
  </si>
  <si>
    <t>大和市上和田</t>
  </si>
  <si>
    <t>大和市桜森</t>
  </si>
  <si>
    <t>大和市渋谷</t>
  </si>
  <si>
    <t>大和市下草柳</t>
  </si>
  <si>
    <t>大和市下鶴間</t>
  </si>
  <si>
    <t>大和市下和田</t>
  </si>
  <si>
    <t>大和市草柳</t>
  </si>
  <si>
    <t>大和市代官</t>
  </si>
  <si>
    <t>大和市中央</t>
  </si>
  <si>
    <t>大和市中央林間</t>
  </si>
  <si>
    <t>大和市中央林間西</t>
  </si>
  <si>
    <t>大和市つきみ野</t>
  </si>
  <si>
    <t>大和市鶴間</t>
  </si>
  <si>
    <t>大和市西鶴間</t>
  </si>
  <si>
    <t>大和市深見</t>
  </si>
  <si>
    <t>大和市深見台</t>
  </si>
  <si>
    <t>大和市深見東</t>
  </si>
  <si>
    <t>大和市深見西</t>
  </si>
  <si>
    <t>大和市福田</t>
  </si>
  <si>
    <t>大和市南林間</t>
  </si>
  <si>
    <t>大和市柳橋</t>
  </si>
  <si>
    <t>大和市大和東</t>
  </si>
  <si>
    <t>大和市大和南</t>
  </si>
  <si>
    <t>大和市林間</t>
  </si>
  <si>
    <t>伊勢原市粟窪</t>
  </si>
  <si>
    <t>伊勢原市池端</t>
  </si>
  <si>
    <t>伊勢原市石田</t>
  </si>
  <si>
    <t>伊勢原市伊勢原</t>
  </si>
  <si>
    <t>伊勢原市板戸</t>
  </si>
  <si>
    <t>伊勢原市歌川</t>
  </si>
  <si>
    <t>伊勢原市大住台</t>
  </si>
  <si>
    <t>伊勢原市大山</t>
  </si>
  <si>
    <t>伊勢原市岡崎</t>
  </si>
  <si>
    <t>伊勢原市笠窪</t>
  </si>
  <si>
    <t>伊勢原市上粕屋</t>
  </si>
  <si>
    <t>伊勢原市上平間</t>
  </si>
  <si>
    <t>伊勢原市上谷</t>
  </si>
  <si>
    <t>伊勢原市串橋</t>
  </si>
  <si>
    <t>伊勢原市小稲葉</t>
  </si>
  <si>
    <t>伊勢原市神戸</t>
  </si>
  <si>
    <t>伊勢原市子易</t>
  </si>
  <si>
    <t>伊勢原市桜台</t>
  </si>
  <si>
    <t>伊勢原市三ノ宮</t>
  </si>
  <si>
    <t>伊勢原市下落合</t>
  </si>
  <si>
    <t>伊勢原市下糟屋</t>
  </si>
  <si>
    <t>伊勢原市下糟屋東</t>
  </si>
  <si>
    <t>伊勢原市下平間</t>
  </si>
  <si>
    <t>伊勢原市下谷</t>
  </si>
  <si>
    <t>伊勢原市白根</t>
  </si>
  <si>
    <t>伊勢原市鈴川</t>
  </si>
  <si>
    <t>伊勢原市善波</t>
  </si>
  <si>
    <t>伊勢原市高森</t>
  </si>
  <si>
    <t>伊勢原市高森台</t>
  </si>
  <si>
    <t>伊勢原市田中</t>
  </si>
  <si>
    <t>伊勢原市坪ノ内</t>
  </si>
  <si>
    <t>伊勢原市西富岡</t>
  </si>
  <si>
    <t>伊勢原市沼目</t>
  </si>
  <si>
    <t>伊勢原市八幡台</t>
  </si>
  <si>
    <t>伊勢原市東大竹</t>
  </si>
  <si>
    <t>伊勢原市東富岡</t>
  </si>
  <si>
    <t>伊勢原市東成瀬</t>
  </si>
  <si>
    <t>伊勢原市日向</t>
  </si>
  <si>
    <t>伊勢原市見附島</t>
  </si>
  <si>
    <t>海老名市泉</t>
  </si>
  <si>
    <t>海老名市今里</t>
  </si>
  <si>
    <t>海老名市扇町</t>
  </si>
  <si>
    <t>海老名市大谷</t>
  </si>
  <si>
    <t>海老名市大谷北</t>
  </si>
  <si>
    <t>海老名市大谷南</t>
  </si>
  <si>
    <t>海老名市柏ケ谷</t>
  </si>
  <si>
    <t>海老名市勝瀬</t>
  </si>
  <si>
    <t>海老名市門沢橋</t>
  </si>
  <si>
    <t>海老名市上今泉</t>
  </si>
  <si>
    <t>海老名市上郷</t>
  </si>
  <si>
    <t>海老名市上河内</t>
  </si>
  <si>
    <t>海老名市河原口</t>
  </si>
  <si>
    <t>海老名市国分寺台</t>
  </si>
  <si>
    <t>海老名市国分南</t>
  </si>
  <si>
    <t>海老名市国分北</t>
  </si>
  <si>
    <t>海老名市さつき町</t>
  </si>
  <si>
    <t>海老名市下今泉</t>
  </si>
  <si>
    <t>海老名市社家</t>
  </si>
  <si>
    <t>海老名市杉久保</t>
  </si>
  <si>
    <t>海老名市杉久保北</t>
  </si>
  <si>
    <t>海老名市杉久保南</t>
  </si>
  <si>
    <t>海老名市中央</t>
  </si>
  <si>
    <t>海老名市中河内</t>
  </si>
  <si>
    <t>海老名市中新田</t>
  </si>
  <si>
    <t>海老名市中野</t>
  </si>
  <si>
    <t>海老名市浜田町</t>
  </si>
  <si>
    <t>海老名市東柏ケ谷</t>
  </si>
  <si>
    <t>海老名市本郷</t>
  </si>
  <si>
    <t>海老名市めぐみ町</t>
  </si>
  <si>
    <t>海老名市望地</t>
  </si>
  <si>
    <t>座間市入谷西</t>
  </si>
  <si>
    <t>座間市入谷東</t>
  </si>
  <si>
    <t>座間市栗原</t>
  </si>
  <si>
    <t>座間市栗原中央</t>
  </si>
  <si>
    <t>座間市小松原</t>
  </si>
  <si>
    <t>座間市相模が丘</t>
  </si>
  <si>
    <t>座間市さがみ野</t>
  </si>
  <si>
    <t>座間市座間</t>
  </si>
  <si>
    <t>座間市新田宿</t>
  </si>
  <si>
    <t>座間市相武台</t>
  </si>
  <si>
    <t>座間市立野台</t>
  </si>
  <si>
    <t>座間市西栗原</t>
  </si>
  <si>
    <t>座間市東原</t>
  </si>
  <si>
    <t>座間市ひばりが丘</t>
  </si>
  <si>
    <t>座間市広野台</t>
  </si>
  <si>
    <t>座間市緑ケ丘</t>
  </si>
  <si>
    <t>座間市南栗原</t>
  </si>
  <si>
    <t>座間市明王</t>
  </si>
  <si>
    <t>座間市四ツ谷</t>
  </si>
  <si>
    <t>南足柄市雨坪</t>
  </si>
  <si>
    <t>南足柄市飯沢</t>
  </si>
  <si>
    <t>南足柄市生駒</t>
  </si>
  <si>
    <t>南足柄市岩原</t>
  </si>
  <si>
    <t>南足柄市内山</t>
  </si>
  <si>
    <t>南足柄市狩野</t>
  </si>
  <si>
    <t>南足柄市苅野</t>
  </si>
  <si>
    <t>南足柄市北窪</t>
  </si>
  <si>
    <t>南足柄市小市</t>
  </si>
  <si>
    <t>南足柄市弘西寺</t>
  </si>
  <si>
    <t>南足柄市駒形新宿</t>
  </si>
  <si>
    <t>南足柄市関本</t>
  </si>
  <si>
    <t>南足柄市千津島</t>
  </si>
  <si>
    <t>南足柄市大雄町</t>
  </si>
  <si>
    <t>南足柄市竹松</t>
  </si>
  <si>
    <t>南足柄市塚原</t>
  </si>
  <si>
    <t>南足柄市中沼</t>
  </si>
  <si>
    <t>南足柄市怒田</t>
  </si>
  <si>
    <t>南足柄市沼田</t>
  </si>
  <si>
    <t>南足柄市広町</t>
  </si>
  <si>
    <t>南足柄市福泉</t>
  </si>
  <si>
    <t>南足柄市班目</t>
  </si>
  <si>
    <t>南足柄市壗下</t>
  </si>
  <si>
    <t>南足柄市三竹</t>
  </si>
  <si>
    <t>南足柄市向田</t>
  </si>
  <si>
    <t>南足柄市矢倉沢</t>
  </si>
  <si>
    <t>南足柄市和田河原</t>
  </si>
  <si>
    <t>綾瀬市厚木航空基地</t>
  </si>
  <si>
    <t>綾瀬市大上</t>
  </si>
  <si>
    <t>綾瀬市落合南</t>
  </si>
  <si>
    <t>綾瀬市落合北</t>
  </si>
  <si>
    <t>綾瀬市上土棚</t>
  </si>
  <si>
    <t>綾瀬市上土棚中</t>
  </si>
  <si>
    <t>綾瀬市上土棚南</t>
  </si>
  <si>
    <t>綾瀬市上土棚北</t>
  </si>
  <si>
    <t>綾瀬市小園</t>
  </si>
  <si>
    <t>綾瀬市小園南</t>
  </si>
  <si>
    <t>綾瀬市蓼川</t>
  </si>
  <si>
    <t>綾瀬市寺尾釜田</t>
  </si>
  <si>
    <t>綾瀬市寺尾中</t>
  </si>
  <si>
    <t>綾瀬市寺尾西</t>
  </si>
  <si>
    <t>綾瀬市寺尾南</t>
  </si>
  <si>
    <t>綾瀬市寺尾北</t>
  </si>
  <si>
    <t>綾瀬市寺尾台</t>
  </si>
  <si>
    <t>綾瀬市寺尾本町</t>
  </si>
  <si>
    <t>綾瀬市早川</t>
  </si>
  <si>
    <t>綾瀬市早川城山</t>
  </si>
  <si>
    <t>綾瀬市深谷</t>
  </si>
  <si>
    <t>綾瀬市深谷上</t>
  </si>
  <si>
    <t>綾瀬市深谷中</t>
  </si>
  <si>
    <t>綾瀬市深谷南</t>
  </si>
  <si>
    <t>綾瀬市本蓼川</t>
  </si>
  <si>
    <t>綾瀬市吉岡</t>
  </si>
  <si>
    <t>綾瀬市吉岡東</t>
  </si>
  <si>
    <t>綾瀬市綾西</t>
  </si>
  <si>
    <t>三浦郡葉山町一色</t>
  </si>
  <si>
    <t>三浦郡葉山町上山口</t>
  </si>
  <si>
    <t>三浦郡葉山町木古庭</t>
  </si>
  <si>
    <t>三浦郡葉山町下山口</t>
  </si>
  <si>
    <t>三浦郡葉山町長柄</t>
  </si>
  <si>
    <t>三浦郡葉山町堀内</t>
  </si>
  <si>
    <t>高座郡寒川町一之宮</t>
  </si>
  <si>
    <t>高座郡寒川町大蔵</t>
  </si>
  <si>
    <t>高座郡寒川町大曲</t>
  </si>
  <si>
    <t>高座郡寒川町岡田</t>
  </si>
  <si>
    <t>高座郡寒川町倉見</t>
  </si>
  <si>
    <t>高座郡寒川町小谷</t>
  </si>
  <si>
    <t>高座郡寒川町小動</t>
  </si>
  <si>
    <t>高座郡寒川町田端</t>
  </si>
  <si>
    <t>高座郡寒川町中瀬</t>
  </si>
  <si>
    <t>高座郡寒川町宮山</t>
  </si>
  <si>
    <t>中郡大磯町生沢</t>
  </si>
  <si>
    <t>中郡大磯町石神台</t>
  </si>
  <si>
    <t>中郡大磯町大磯</t>
  </si>
  <si>
    <t>中郡大磯町月京</t>
  </si>
  <si>
    <t>中郡大磯町黒岩</t>
  </si>
  <si>
    <t>中郡大磯町国府新宿</t>
  </si>
  <si>
    <t>中郡大磯町国府本郷</t>
  </si>
  <si>
    <t>中郡大磯町高麗</t>
  </si>
  <si>
    <t>中郡大磯町寺坂</t>
  </si>
  <si>
    <t>中郡大磯町西久保</t>
  </si>
  <si>
    <t>中郡大磯町西小磯</t>
  </si>
  <si>
    <t>中郡大磯町東小磯</t>
  </si>
  <si>
    <t>中郡大磯町東町</t>
  </si>
  <si>
    <t>中郡大磯町虫窪</t>
  </si>
  <si>
    <t>中郡二宮町一色</t>
  </si>
  <si>
    <t>中郡二宮町川匂</t>
  </si>
  <si>
    <t>中郡二宮町中里</t>
  </si>
  <si>
    <t>中郡二宮町二宮</t>
  </si>
  <si>
    <t>中郡二宮町富士見が丘</t>
  </si>
  <si>
    <t>中郡二宮町松根</t>
  </si>
  <si>
    <t>中郡二宮町緑が丘</t>
  </si>
  <si>
    <t>中郡二宮町山西</t>
  </si>
  <si>
    <t>中郡二宮町百合が丘</t>
  </si>
  <si>
    <t>足柄上郡中井町井ノ口</t>
  </si>
  <si>
    <t>足柄上郡中井町岩倉</t>
  </si>
  <si>
    <t>足柄上郡中井町遠藤</t>
  </si>
  <si>
    <t>足柄上郡中井町鴨沢</t>
  </si>
  <si>
    <t>足柄上郡中井町北田</t>
  </si>
  <si>
    <t>足柄上郡中井町久所</t>
  </si>
  <si>
    <t>足柄上郡中井町古怒田</t>
  </si>
  <si>
    <t>足柄上郡中井町境</t>
  </si>
  <si>
    <t>足柄上郡中井町境別所</t>
  </si>
  <si>
    <t>足柄上郡中井町雑色</t>
  </si>
  <si>
    <t>足柄上郡中井町田中</t>
  </si>
  <si>
    <t>足柄上郡中井町半分形</t>
  </si>
  <si>
    <t>足柄上郡中井町比奈窪</t>
  </si>
  <si>
    <t>足柄上郡中井町藤沢</t>
  </si>
  <si>
    <t>足柄上郡中井町松本</t>
  </si>
  <si>
    <t>足柄上郡大井町赤田</t>
  </si>
  <si>
    <t>足柄上郡大井町大井中央</t>
  </si>
  <si>
    <t>足柄上郡大井町金手</t>
  </si>
  <si>
    <t>足柄上郡大井町金子</t>
  </si>
  <si>
    <t>足柄上郡大井町上大井</t>
  </si>
  <si>
    <t>足柄上郡大井町篠窪</t>
  </si>
  <si>
    <t>足柄上郡大井町高尾</t>
  </si>
  <si>
    <t>足柄上郡大井町西大井</t>
  </si>
  <si>
    <t>足柄上郡大井町柳</t>
  </si>
  <si>
    <t>足柄上郡大井町山田</t>
  </si>
  <si>
    <t>足柄上郡松田町神山</t>
  </si>
  <si>
    <t>足柄上郡松田町松田惣領</t>
  </si>
  <si>
    <t>足柄上郡松田町松田庶子</t>
  </si>
  <si>
    <t>足柄上郡松田町寄</t>
  </si>
  <si>
    <t>足柄上郡山北町神尾田</t>
  </si>
  <si>
    <t>足柄上郡山北町神縄</t>
  </si>
  <si>
    <t>足柄上郡山北町川西</t>
  </si>
  <si>
    <t>足柄上郡山北町岸</t>
  </si>
  <si>
    <t>足柄上郡山北町玄倉</t>
  </si>
  <si>
    <t>足柄上郡山北町都夫良野</t>
  </si>
  <si>
    <t>足柄上郡山北町中川</t>
  </si>
  <si>
    <t>足柄上郡山北町平山</t>
  </si>
  <si>
    <t>足柄上郡山北町皆瀬川</t>
  </si>
  <si>
    <t>足柄上郡山北町向原</t>
  </si>
  <si>
    <t>足柄上郡山北町谷ケ</t>
  </si>
  <si>
    <t>足柄上郡山北町山市場</t>
  </si>
  <si>
    <t>足柄上郡山北町山北</t>
  </si>
  <si>
    <t>足柄上郡山北町湯触</t>
  </si>
  <si>
    <t>足柄上郡山北町世附</t>
  </si>
  <si>
    <t>足柄上郡開成町牛島</t>
  </si>
  <si>
    <t>足柄上郡開成町円通寺</t>
  </si>
  <si>
    <t>足柄上郡開成町岡野</t>
  </si>
  <si>
    <t>足柄上郡開成町金井島</t>
  </si>
  <si>
    <t>足柄上郡開成町中之名</t>
  </si>
  <si>
    <t>足柄上郡開成町延沢</t>
  </si>
  <si>
    <t>足柄上郡開成町みなみ</t>
  </si>
  <si>
    <t>足柄上郡開成町宮台</t>
  </si>
  <si>
    <t>足柄上郡開成町吉田島</t>
  </si>
  <si>
    <t>足柄下郡箱根町芦之湯</t>
  </si>
  <si>
    <t>足柄下郡箱根町大平台</t>
  </si>
  <si>
    <t>足柄下郡箱根町木賀</t>
  </si>
  <si>
    <t>足柄下郡箱根町小涌谷</t>
  </si>
  <si>
    <t>足柄下郡箱根町強羅</t>
  </si>
  <si>
    <t>足柄下郡箱根町須雲川</t>
  </si>
  <si>
    <t>足柄下郡箱根町仙石原</t>
  </si>
  <si>
    <t>足柄下郡箱根町底倉</t>
  </si>
  <si>
    <t>足柄下郡箱根町塔之澤</t>
  </si>
  <si>
    <t>足柄下郡箱根町二ノ平</t>
  </si>
  <si>
    <t>足柄下郡箱根町箱根</t>
  </si>
  <si>
    <t>足柄下郡箱根町畑宿</t>
  </si>
  <si>
    <t>足柄下郡箱根町宮城野</t>
  </si>
  <si>
    <t>足柄下郡箱根町宮ノ下</t>
  </si>
  <si>
    <t>足柄下郡箱根町元箱根</t>
  </si>
  <si>
    <t>足柄下郡箱根町湯本</t>
  </si>
  <si>
    <t>足柄下郡箱根町湯本茶屋</t>
  </si>
  <si>
    <t>足柄下郡真鶴町岩</t>
  </si>
  <si>
    <t>足柄下郡真鶴町真鶴</t>
  </si>
  <si>
    <t>足柄下郡湯河原町鍛冶屋</t>
  </si>
  <si>
    <t>足柄下郡湯河原町城堀</t>
  </si>
  <si>
    <t>足柄下郡湯河原町中央</t>
  </si>
  <si>
    <t>足柄下郡湯河原町土肥</t>
  </si>
  <si>
    <t>足柄下郡湯河原町福浦</t>
  </si>
  <si>
    <t>足柄下郡湯河原町福浦鍛冶屋</t>
  </si>
  <si>
    <t>足柄下郡湯河原町福浦吉浜</t>
  </si>
  <si>
    <t>足柄下郡湯河原町宮上</t>
  </si>
  <si>
    <t>足柄下郡湯河原町宮下</t>
  </si>
  <si>
    <t>足柄下郡湯河原町門川</t>
  </si>
  <si>
    <t>足柄下郡湯河原町吉浜</t>
  </si>
  <si>
    <t>足柄下郡湯河原町吉浜福浦</t>
  </si>
  <si>
    <t>愛甲郡愛川町春日台</t>
  </si>
  <si>
    <t>愛甲郡愛川町角田</t>
  </si>
  <si>
    <t>愛甲郡愛川町田代</t>
  </si>
  <si>
    <t>愛甲郡愛川町棚沢</t>
  </si>
  <si>
    <t>愛甲郡愛川町中津</t>
  </si>
  <si>
    <t>愛甲郡愛川町八菅山</t>
  </si>
  <si>
    <t>愛甲郡愛川町半原</t>
  </si>
  <si>
    <t>愛甲郡愛川町三増</t>
  </si>
  <si>
    <t>愛甲郡清川村宮ヶ瀬</t>
  </si>
  <si>
    <t>横浜市西区桜木町</t>
    <phoneticPr fontId="2"/>
  </si>
  <si>
    <t>横浜市西区花咲町</t>
    <phoneticPr fontId="2"/>
  </si>
  <si>
    <t>横浜市西区みなとみらい</t>
    <phoneticPr fontId="2"/>
  </si>
  <si>
    <t>愛甲郡清川村煤ヶ谷</t>
    <phoneticPr fontId="2"/>
  </si>
  <si>
    <t>秦野市栃窪</t>
    <phoneticPr fontId="2"/>
  </si>
  <si>
    <t>相模原市緑区寸沢嵐</t>
    <phoneticPr fontId="2"/>
  </si>
  <si>
    <t>←50以下の整数</t>
    <rPh sb="3" eb="5">
      <t>イカ</t>
    </rPh>
    <rPh sb="6" eb="8">
      <t>セイスウ</t>
    </rPh>
    <phoneticPr fontId="2"/>
  </si>
  <si>
    <t>←〒３文字＋４文字</t>
    <rPh sb="3" eb="5">
      <t>モジ</t>
    </rPh>
    <rPh sb="7" eb="9">
      <t>モジ</t>
    </rPh>
    <phoneticPr fontId="2"/>
  </si>
  <si>
    <t>←県内郵便番号は自動入力</t>
    <rPh sb="1" eb="3">
      <t>ケンナイ</t>
    </rPh>
    <rPh sb="3" eb="7">
      <t>ユウビンバンゴウ</t>
    </rPh>
    <rPh sb="8" eb="10">
      <t>ジドウ</t>
    </rPh>
    <rPh sb="10" eb="12">
      <t>ニュウリョク</t>
    </rPh>
    <phoneticPr fontId="2"/>
  </si>
  <si>
    <t>横浜市鶴見区鶴見中央２丁目５－５</t>
  </si>
  <si>
    <t>横浜市鶴見区生麦１丁目１７－１</t>
  </si>
  <si>
    <t>横浜市鶴見区下末吉３丁目６－１</t>
  </si>
  <si>
    <t>横浜市鶴見区末広町２丁目１（鶴見郵便局私書箱第２号）</t>
  </si>
  <si>
    <t>横浜市鶴見区鶴見２丁目１－１</t>
  </si>
  <si>
    <t>横浜市鶴見区鶴見中央４丁目３８－３２</t>
  </si>
  <si>
    <t>横浜市鶴見区鶴見中央４丁目４３－４</t>
  </si>
  <si>
    <t>横浜市鶴見区鶴見２丁目１－３</t>
  </si>
  <si>
    <t>横浜市鶴見区鶴見中央４丁目３３番１号</t>
  </si>
  <si>
    <t>横浜市鶴見区尻手２丁目１－５３（鶴見郵便局私書箱第２０号）</t>
  </si>
  <si>
    <t>横浜市鶴見区下末吉２丁目１－１</t>
  </si>
  <si>
    <t>横浜市鶴見区東寺尾４丁目１１－１</t>
  </si>
  <si>
    <t>横浜市神奈川区片倉37264</t>
  </si>
  <si>
    <t>横浜市神奈川区六角橋３丁目２７－１</t>
  </si>
  <si>
    <t>横浜市神奈川区新浦島町１丁目１－２５</t>
  </si>
  <si>
    <t>横浜市神奈川区新浦島町１丁目１－２５テクノウェイブ１００</t>
  </si>
  <si>
    <t>横浜市神奈川区金港町７－３金港ビル四階</t>
  </si>
  <si>
    <t>横浜市神奈川区台町１５番地１</t>
  </si>
  <si>
    <t>横浜市神奈川区片倉２丁目３７番１１号</t>
  </si>
  <si>
    <t>横浜市神奈川区鶴屋町２丁目２３番地２</t>
  </si>
  <si>
    <t>横浜市神奈川区鶴屋町２－２１－８第１安田ビル４Ｆ</t>
  </si>
  <si>
    <t>横浜市神奈川区鶴屋町３丁目３３番８号アサヒビルヂング８階</t>
  </si>
  <si>
    <t>横浜市神奈川区東神奈川２丁目４３－１</t>
  </si>
  <si>
    <t>横浜市神奈川区新浦島町一丁目１番地２５テクノウェイブ１００－６階</t>
  </si>
  <si>
    <t>横浜市神奈川区金港町３－１コンカード横浜８Ｆ</t>
  </si>
  <si>
    <t>横浜市神奈川区恵比須町８番地</t>
  </si>
  <si>
    <t>横浜市神奈川区栄町45474</t>
  </si>
  <si>
    <t>横浜市神奈川区羽沢町１６３８－１</t>
  </si>
  <si>
    <t>横浜市神奈川区新子安１丁目３３</t>
  </si>
  <si>
    <t>横浜市神奈川区宝町２番地</t>
  </si>
  <si>
    <t>横浜市神奈川区鶴屋町３丁目３２－１</t>
  </si>
  <si>
    <t>横浜市神奈川区栄町45292</t>
  </si>
  <si>
    <t>横浜市神奈川区片倉１丁目２－２３</t>
  </si>
  <si>
    <t>横浜市神奈川区入江２丁目５番１２号</t>
  </si>
  <si>
    <t>横浜市神奈川区反町１丁目６－２</t>
  </si>
  <si>
    <t>横浜市神奈川区鶴屋町２丁目２１－８第一安田ビル</t>
  </si>
  <si>
    <t>横浜市神奈川区新子安１丁目１８－１</t>
  </si>
  <si>
    <t>横浜市西区平沼１丁目１－８</t>
  </si>
  <si>
    <t>横浜市西区高島一丁目２番５号</t>
  </si>
  <si>
    <t>横浜市西区北幸２丁目１１－６</t>
  </si>
  <si>
    <t>横浜市西区みなとみらい６丁目３番６号</t>
  </si>
  <si>
    <t>横浜市西区花咲町６丁目１３９番地</t>
  </si>
  <si>
    <t>横浜市西区桜木町６丁目３５－１</t>
  </si>
  <si>
    <t>横浜市西区紅葉ケ丘45537</t>
  </si>
  <si>
    <t>横浜市西区高島36933</t>
  </si>
  <si>
    <t>横浜市西区みなとみらい４丁目３－５</t>
  </si>
  <si>
    <t>横浜市西区みなとみらい４丁目４番５号横浜アイマークプレイス</t>
  </si>
  <si>
    <t>横浜市西区みなとみらい２丁目３番２号</t>
  </si>
  <si>
    <t>横浜市西区花咲町７丁目１５８－２ＳＩＣ横浜ビル</t>
  </si>
  <si>
    <t>横浜市西区高島２丁目１８－１</t>
  </si>
  <si>
    <t>横浜市西区みなとみらい４丁目７－３横浜メディアタワー</t>
  </si>
  <si>
    <t>横浜市西区みなとみらい４－４－５横浜アイマークプレイス</t>
  </si>
  <si>
    <t>横浜市西区南幸２丁目１５－１３</t>
  </si>
  <si>
    <t>横浜市西区高島２丁目６－３４</t>
  </si>
  <si>
    <t>横浜市西区南幸１丁目１番１号</t>
  </si>
  <si>
    <t>横浜市西区みなとみらい４丁目４－５横浜アイマークプレイス内</t>
  </si>
  <si>
    <t>横浜市西区みなとみらい38110</t>
  </si>
  <si>
    <t>横浜市西区みなとみらい38762</t>
  </si>
  <si>
    <t>横浜市西区みなとみらい38760</t>
  </si>
  <si>
    <t>横浜市西区高島36930</t>
  </si>
  <si>
    <t>横浜市西区みなとみらい１丁目１－１パシィフィコ横浜国際協力センター６Ｆ</t>
  </si>
  <si>
    <t>横浜市西区みなとみらい３丁目７－３</t>
  </si>
  <si>
    <t>横浜市西区藤棚町２丁目１９７</t>
  </si>
  <si>
    <t>横浜市西区北幸１丁目１１番１号（横浜中央郵便局私書箱第３１０号）</t>
  </si>
  <si>
    <t>横浜市西区北幸１－１１－１５横浜ＳＴビル１３階</t>
  </si>
  <si>
    <t>横浜市西区みなとみらい４－６－２みなとみらいグランドセントラルタワー４Ｆ</t>
  </si>
  <si>
    <t>横浜市西区みなとみらい４丁目６番２号みなとみらいグランドセントラルタワー９階</t>
  </si>
  <si>
    <t>横浜市西区みなとみらい38353</t>
  </si>
  <si>
    <t>横浜市西区みなとみらい３－６－１みなとみらいセンタービル１４階</t>
  </si>
  <si>
    <t>横浜市西区みなとみらい４－６－２みなとみらいグランドセントラルタワー</t>
  </si>
  <si>
    <t>横浜市西区みなとみらい３丁目６－４</t>
  </si>
  <si>
    <t>横浜市西区高島２丁目７－３０</t>
  </si>
  <si>
    <t>横浜市西区桜木町７丁目４０－３</t>
  </si>
  <si>
    <t>横浜市西区高島１丁目１番１号</t>
  </si>
  <si>
    <t>横浜市西区みなとみらい38761</t>
  </si>
  <si>
    <t>横浜市西区高島１－１－２（横浜三井ビルディング）</t>
  </si>
  <si>
    <t>横浜市西区高島一丁目１番２号（横浜三井ビルディング）</t>
  </si>
  <si>
    <t>横浜市西区北幸１丁目６番１号</t>
  </si>
  <si>
    <t>横浜市西区南幸１丁目１４番１０号</t>
  </si>
  <si>
    <t>横浜市西区みなとみらい３丁目３番１号</t>
  </si>
  <si>
    <t>横浜市西区みなとみらい３丁目１－１（横浜中央郵便局私書箱第３２８号）</t>
  </si>
  <si>
    <t>横浜市西区みなとみらい１丁目１－１</t>
  </si>
  <si>
    <t>横浜市西区北幸１丁目３番２３号</t>
  </si>
  <si>
    <t>横浜市西区みなとみらい二丁目２番１号</t>
  </si>
  <si>
    <t>横浜市西区南幸１丁目６－３１（横浜中央郵便局私書箱第３０９号）</t>
  </si>
  <si>
    <t>横浜市中区山下町２番地</t>
  </si>
  <si>
    <t>横浜市中区山下町33</t>
  </si>
  <si>
    <t>横浜市中区日本大通15</t>
  </si>
  <si>
    <t>横浜市中区日本大通１１横浜情報文化センター</t>
  </si>
  <si>
    <t>横浜市中区山下町34</t>
  </si>
  <si>
    <t>横浜市中区山下町75</t>
  </si>
  <si>
    <t>横浜市中区元浜町４丁目３２県民共済馬車道ビル</t>
  </si>
  <si>
    <t>横浜市中区北仲通５丁目５７横浜第２合同庁舎８階</t>
  </si>
  <si>
    <t>横浜市中区桜木町１丁目１－８</t>
  </si>
  <si>
    <t>横浜市中区本町１丁目３番地</t>
  </si>
  <si>
    <t>横浜市中区尾上町６－８１</t>
  </si>
  <si>
    <t>横浜市中区太田町２丁目２３</t>
  </si>
  <si>
    <t>横浜市中区桜木町１丁目１－６７</t>
  </si>
  <si>
    <t>横浜市中区宮川町３－８９</t>
  </si>
  <si>
    <t>横浜市中区不老町１丁目１番地５横浜東芝ビル５Ｆ</t>
  </si>
  <si>
    <t>横浜市中区南仲通２－２１－２</t>
  </si>
  <si>
    <t>横浜市中区山下町２２３－１ＮＵ関内ビル４Ｆ</t>
  </si>
  <si>
    <t>横浜市中区山下町32509</t>
  </si>
  <si>
    <t>横浜市中区山下町10</t>
  </si>
  <si>
    <t>横浜市中区伊勢佐木町36982</t>
  </si>
  <si>
    <t>横浜市中区山下町９０番地３</t>
  </si>
  <si>
    <t>横浜市中区万代町１丁目１番１</t>
  </si>
  <si>
    <t>横浜市中区山手町８３番地</t>
  </si>
  <si>
    <t>横浜市中区山手町178</t>
  </si>
  <si>
    <t>横浜市中区山下町227</t>
  </si>
  <si>
    <t>横浜市中区山下町１番地</t>
  </si>
  <si>
    <t>横浜市中区山手町４４番地</t>
  </si>
  <si>
    <t>横浜市中区桜木町１丁目１番８</t>
  </si>
  <si>
    <t>横浜市中区長者町６丁目９６番２横浜支店ビル</t>
  </si>
  <si>
    <t>横浜市中区桜木町１丁目１－７</t>
  </si>
  <si>
    <t>横浜市中区山下町２６８番地</t>
  </si>
  <si>
    <t>横浜市中区花咲町２丁目６５－６</t>
  </si>
  <si>
    <t>横浜市中区山下町25750</t>
  </si>
  <si>
    <t>横浜市中区山下町281</t>
  </si>
  <si>
    <t>横浜市中区山下町２８０番２</t>
  </si>
  <si>
    <t>横浜市中区山手町37</t>
  </si>
  <si>
    <t>横浜市中区桜木町１丁目１番地</t>
  </si>
  <si>
    <t>横浜市中区南仲通２丁目１５</t>
  </si>
  <si>
    <t>横浜市中区錦町12</t>
  </si>
  <si>
    <t>横浜市中区本町６丁目５０－１</t>
  </si>
  <si>
    <t>横浜市中区寿町１丁目２番地</t>
  </si>
  <si>
    <t>横浜市中区桜木町１－１－５６みなとみらい２１クリーンセンター５階</t>
  </si>
  <si>
    <t>横浜市中区山下町2</t>
  </si>
  <si>
    <t>横浜市中区住吉町４－４２－１</t>
  </si>
  <si>
    <t>横浜市中区桜木町１丁目１－５６</t>
  </si>
  <si>
    <t>横浜市中区新山下３丁目１２－１</t>
  </si>
  <si>
    <t>横浜市中区北仲通５丁目５７横浜第２合同庁舎</t>
  </si>
  <si>
    <t>横浜市中区新港一丁目６番１号よこはま新港合同庁舎２階・３階</t>
  </si>
  <si>
    <t>横浜市中区山手町226</t>
  </si>
  <si>
    <t>横浜市中区上野町２丁目８８番地</t>
  </si>
  <si>
    <t>横浜市中区日本大通1</t>
  </si>
  <si>
    <t>横浜市中区本町４丁目３４（横浜港郵便局私書箱第６９号）</t>
  </si>
  <si>
    <t>横浜市南区弘明寺町31</t>
  </si>
  <si>
    <t>横浜市南区六ツ川２丁目１３８－４</t>
  </si>
  <si>
    <t>横浜市南区永田台45303</t>
  </si>
  <si>
    <t>横浜市南区中里１丁目１３－１７</t>
  </si>
  <si>
    <t>横浜市南区蒔田町124</t>
  </si>
  <si>
    <t>横浜市南区宮元町４丁目８２</t>
  </si>
  <si>
    <t>横浜市南区大岡２－３１－１</t>
  </si>
  <si>
    <t>横浜市南区花之木町２丁目２６</t>
  </si>
  <si>
    <t>横浜市南区唐沢15</t>
  </si>
  <si>
    <t>横浜市南区宿町２丁目５１</t>
  </si>
  <si>
    <t>横浜市保土ケ谷区川辺町45332</t>
  </si>
  <si>
    <t>横浜市保土ケ谷区岩井町215</t>
  </si>
  <si>
    <t>横浜市保土ケ谷区帷子町２丁目６４</t>
  </si>
  <si>
    <t>横浜市保土ケ谷区常盤台28856</t>
  </si>
  <si>
    <t>横浜市保土ケ谷区岩井町１－７－４Ｆ</t>
  </si>
  <si>
    <t>横浜市磯子区新中原町１番地</t>
  </si>
  <si>
    <t>横浜市磯子区新杉田町8</t>
  </si>
  <si>
    <t>横浜市磯子区新磯子町1</t>
  </si>
  <si>
    <t>横浜市磯子区新森町1</t>
  </si>
  <si>
    <t>横浜市金沢区富岡東６－１６－１</t>
  </si>
  <si>
    <t>横浜市金沢区福浦２丁目３番２号</t>
  </si>
  <si>
    <t>横浜市金沢区福浦一丁目九番五号</t>
  </si>
  <si>
    <t>横浜市金沢区六浦東１丁目５０－１</t>
  </si>
  <si>
    <t>横浜市金沢区釜利谷南３丁目２２－１</t>
  </si>
  <si>
    <t>横浜市金沢区福浦２丁目１２－４</t>
  </si>
  <si>
    <t>横浜市金沢区平潟町45627</t>
  </si>
  <si>
    <t>横浜市金沢区福浦３丁目１１－２</t>
  </si>
  <si>
    <t>横浜市金沢区昭和町３１７５番地</t>
  </si>
  <si>
    <t>横浜市金沢区幸浦１丁目８番地１</t>
  </si>
  <si>
    <t>横浜市金沢区並木３丁目２－９</t>
  </si>
  <si>
    <t>横浜市港北区新横浜３丁目１８番１６号新横浜交通ビル７Ｆ</t>
  </si>
  <si>
    <t>横浜市港北区大豆戸町275</t>
  </si>
  <si>
    <t>横浜市港北区菊名７丁目３－２２</t>
  </si>
  <si>
    <t>横浜市港北区新横浜３丁目１７－６</t>
  </si>
  <si>
    <t>横浜市港北区新横浜２丁目１３－１３</t>
  </si>
  <si>
    <t>横浜市港北区新横浜２丁目４－１８ＮＥＣ新横浜第二ビル</t>
  </si>
  <si>
    <t>横浜市港北区大豆戸町５２８－５</t>
  </si>
  <si>
    <t>横浜市港北区新横浜１丁目６－３</t>
  </si>
  <si>
    <t>横浜市港北区新横浜２丁目１３－１２</t>
  </si>
  <si>
    <t>横浜市港北区新横浜３丁目９番３号</t>
  </si>
  <si>
    <t>横浜市港北区新横浜３丁目１－１</t>
  </si>
  <si>
    <t>横浜市港北区新横浜３丁目１９－１ＬＩＶＭＯライジングビル１０Ｆ</t>
  </si>
  <si>
    <t>横浜市港北区新横浜２丁目２－８奈良ビル８Ｆ</t>
  </si>
  <si>
    <t>横浜市港北区新横浜37016</t>
  </si>
  <si>
    <t>横浜市港北区新横浜３丁目２－３</t>
  </si>
  <si>
    <t>横浜市港北区大豆戸町８８（港北郵便局私書箱第２２号）</t>
  </si>
  <si>
    <t>横浜市港北区新横浜３丁目４</t>
  </si>
  <si>
    <t>横浜市港北区新横浜２丁目４－９</t>
  </si>
  <si>
    <t>横浜市港北区新横浜２丁目１９番１７</t>
  </si>
  <si>
    <t>横浜市港北区新横浜３丁目９－１８</t>
  </si>
  <si>
    <t>横浜市港北区新横浜１丁目１９－２０ＳＵＮＨＡＭＡＤＡＢＬＤＧ．４Ｆ</t>
  </si>
  <si>
    <t>横浜市港北区菊名７丁目３番１３号</t>
  </si>
  <si>
    <t>横浜市港北区新横浜２丁目１００－４５</t>
  </si>
  <si>
    <t>横浜市港北区新横浜２丁目５－１１（港北郵便局私書箱第５２号）</t>
  </si>
  <si>
    <t>横浜市港北区新横浜２丁目１０－１</t>
  </si>
  <si>
    <t>横浜市港北区新横浜２丁目４－８ローム新横浜駅前ビル</t>
  </si>
  <si>
    <t>横浜市港北区新吉田町3176</t>
  </si>
  <si>
    <t>横浜市港北区新羽町1769</t>
  </si>
  <si>
    <t>横浜市港北区新羽町1215</t>
  </si>
  <si>
    <t>横浜市港北区日吉本町４丁目８－１</t>
  </si>
  <si>
    <t>横浜市港北区新羽町1261</t>
  </si>
  <si>
    <t>横浜市港北区綱島東６丁目７－９</t>
  </si>
  <si>
    <t>横浜市港北区綱島東６丁目３－２０</t>
  </si>
  <si>
    <t>横浜市港北区新吉田町2899</t>
  </si>
  <si>
    <t>横浜市港北区箕輪町２丁目７－３</t>
  </si>
  <si>
    <t>横浜市港北区新吉田町2933</t>
  </si>
  <si>
    <t>横浜市港北区日吉本町１－３０－２９</t>
  </si>
  <si>
    <t>横浜市港北区綱島東５丁目８－３４</t>
  </si>
  <si>
    <t>横浜市港北区高田西37032</t>
  </si>
  <si>
    <t>横浜市港北区高田西37020</t>
  </si>
  <si>
    <t>横浜市港北区新吉田町533</t>
  </si>
  <si>
    <t>横浜市港北区綱島東５丁目４－６</t>
  </si>
  <si>
    <t>横浜市港北区綱島西５丁目４－５</t>
  </si>
  <si>
    <t>横浜市港北区綱島西５丁目４－４４</t>
  </si>
  <si>
    <t>横浜市港北区日吉４丁目１－１</t>
  </si>
  <si>
    <t>横浜市港北区日吉３丁目１４－１</t>
  </si>
  <si>
    <t>横浜市港北区日吉本町２丁目１－１</t>
  </si>
  <si>
    <t>横浜市港北区綱島東５丁目１０－４１</t>
  </si>
  <si>
    <t>横浜市港北区新吉田東37653</t>
  </si>
  <si>
    <t>横浜市港北区新吉田東８－３２－１６</t>
  </si>
  <si>
    <t>横浜市港北区新吉田町2940</t>
  </si>
  <si>
    <t>横浜市港北区箕輪町２丁目９－１</t>
  </si>
  <si>
    <t>横浜市港北区新吉田町157</t>
  </si>
  <si>
    <t>横浜市港北区新吉田町781</t>
  </si>
  <si>
    <t>横浜市港北区綱島東５丁目１０－２６</t>
  </si>
  <si>
    <t>横浜市港北区綱島東２丁目６－５４</t>
  </si>
  <si>
    <t>横浜市港北区箕輪町２丁目７－５</t>
  </si>
  <si>
    <t>横浜市港北区北新横浜37018</t>
  </si>
  <si>
    <t>横浜市港北区綱島東２丁目６－３３</t>
  </si>
  <si>
    <t>横浜市港北区綱島西６丁目１３－３２</t>
  </si>
  <si>
    <t>横浜市戸塚区戸塚町5030</t>
  </si>
  <si>
    <t>横浜市戸塚区戸塚町216</t>
  </si>
  <si>
    <t>横浜市戸塚区品濃町５３７－１</t>
  </si>
  <si>
    <t>横浜市戸塚区舞岡町１８４－１</t>
  </si>
  <si>
    <t>横浜市戸塚区柏尾町1</t>
  </si>
  <si>
    <t>横浜市戸塚区品濃町８８１－１６</t>
  </si>
  <si>
    <t>横浜市戸塚区品濃町５０３－１０</t>
  </si>
  <si>
    <t>横浜市戸塚区前田町１００番地</t>
  </si>
  <si>
    <t>横浜市戸塚区品濃町５０４－２</t>
  </si>
  <si>
    <t>横浜市戸塚区戸塚町4130</t>
  </si>
  <si>
    <t>横浜市戸塚区戸塚町157</t>
  </si>
  <si>
    <t>横浜市戸塚区品濃町５３５－１</t>
  </si>
  <si>
    <t>横浜市戸塚区戸塚町４１００（戸塚郵便局私書箱第３０号）</t>
  </si>
  <si>
    <t>横浜市戸塚区吉田町2001</t>
  </si>
  <si>
    <t>横浜市戸塚区戸塚町393</t>
  </si>
  <si>
    <t>横浜市戸塚区上倉田町1518</t>
  </si>
  <si>
    <t>横浜市戸塚区柏尾町２９４－５</t>
  </si>
  <si>
    <t>横浜市戸塚区汲沢町56</t>
  </si>
  <si>
    <t>横浜市戸塚区上矢部町2384</t>
  </si>
  <si>
    <t>横浜市戸塚区東俣野町1760</t>
  </si>
  <si>
    <t>横浜市戸塚区上矢部町690</t>
  </si>
  <si>
    <t>横浜市戸塚区原宿３丁目６０－２</t>
  </si>
  <si>
    <t>横浜市戸塚区上矢部町1968</t>
  </si>
  <si>
    <t>横浜市戸塚区上矢部町2336</t>
  </si>
  <si>
    <t>横浜市戸塚区俣野町601</t>
  </si>
  <si>
    <t>横浜市港南区最戸１丁目１３－１</t>
  </si>
  <si>
    <t>横浜市港南区上大岡西１丁目６－１</t>
  </si>
  <si>
    <t>横浜市港南区芹が谷２丁目６－１</t>
  </si>
  <si>
    <t>横浜市港南区港南４丁目２－２</t>
  </si>
  <si>
    <t>横浜市港南区港南４丁目２－３</t>
  </si>
  <si>
    <t>横浜市旭区笹野台２－４４－６</t>
  </si>
  <si>
    <t>横浜市旭区川島町１７６４番地</t>
  </si>
  <si>
    <t>横浜市旭区矢指町１１９４番地</t>
  </si>
  <si>
    <t>横浜市旭区中尾２丁目３番２号</t>
  </si>
  <si>
    <t>横浜市旭区中沢１丁目２４番１号</t>
  </si>
  <si>
    <t>横浜市旭区上川井町846</t>
  </si>
  <si>
    <t>横浜市緑区白山１丁目１６－１</t>
  </si>
  <si>
    <t>横浜市緑区白山１丁目１６－２</t>
  </si>
  <si>
    <t>横浜市緑区中山２丁目４－１</t>
  </si>
  <si>
    <t>横浜市緑区長津田町4259</t>
  </si>
  <si>
    <t>横浜市緑区十日市場町1865</t>
  </si>
  <si>
    <t>横浜市緑区長津田町861668</t>
  </si>
  <si>
    <t>横浜市緑区寺山町118</t>
  </si>
  <si>
    <t>横浜市瀬谷区橋戸１丁目２２－１２</t>
  </si>
  <si>
    <t>横浜市瀬谷区卸本町９２７９－６９</t>
  </si>
  <si>
    <t>横浜市瀬谷区北町45560</t>
  </si>
  <si>
    <t>横浜市栄区田谷町1</t>
  </si>
  <si>
    <t>横浜市栄区飯島町53</t>
  </si>
  <si>
    <t>横浜市栄区飯島町200</t>
  </si>
  <si>
    <t>横浜市栄区長尾台町471</t>
  </si>
  <si>
    <t>横浜市栄区飯島町１０９－１</t>
  </si>
  <si>
    <t>横浜市栄区飯島町１０９－１（大船郵便局私書箱第３０号）</t>
  </si>
  <si>
    <t>横浜市栄区笠間４丁目１番１号</t>
  </si>
  <si>
    <t>横浜市栄区飯島町１０９－１（大船郵便局私書箱第２７号）</t>
  </si>
  <si>
    <t>横浜市栄区笠間２丁目５番１号</t>
  </si>
  <si>
    <t>横浜市栄区笠間37377</t>
  </si>
  <si>
    <t>横浜市泉区緑園４丁目５番３号</t>
  </si>
  <si>
    <t>横浜市泉区和泉中央南三丁目２番４６号</t>
  </si>
  <si>
    <t>横浜市青葉区新石川２丁目１４－１０</t>
  </si>
  <si>
    <t>横浜市青葉区市ケ尾町５４１－１</t>
  </si>
  <si>
    <t>横浜市青葉区荏田町１４７４－４</t>
  </si>
  <si>
    <t>横浜市青葉区美しが丘４丁目５４－６</t>
  </si>
  <si>
    <t>横浜市青葉区鉄町1614</t>
  </si>
  <si>
    <t>横浜市青葉区あざみ野１丁目２４－７</t>
  </si>
  <si>
    <t>横浜市青葉区新石川37271</t>
  </si>
  <si>
    <t>横浜市青葉区新石川２丁目２番地１</t>
  </si>
  <si>
    <t>横浜市青葉区鉄町１６１４番地</t>
  </si>
  <si>
    <t>横浜市青葉区市ケ尾町１１７０－１クリザンテム市が尾１階</t>
  </si>
  <si>
    <t>横浜市青葉区市ケ尾町45439</t>
  </si>
  <si>
    <t>横浜市青葉区市ケ尾町45373</t>
  </si>
  <si>
    <t>横浜市青葉区藤が丘１丁目３０</t>
  </si>
  <si>
    <t>横浜市青葉区藤が丘２丁目１－１</t>
  </si>
  <si>
    <t>横浜市青葉区さつきが丘８－８０</t>
  </si>
  <si>
    <t>横浜市青葉区恩田町704</t>
  </si>
  <si>
    <t>横浜市青葉区梅が丘45445</t>
  </si>
  <si>
    <t>横浜市青葉区藤が丘２丁目９－１</t>
  </si>
  <si>
    <t>横浜市青葉区しらとり台３４－１３</t>
  </si>
  <si>
    <t>横浜市青葉区鴨志田町1000</t>
  </si>
  <si>
    <t>横浜市都筑区葛が谷６番５６号</t>
  </si>
  <si>
    <t>横浜市都筑区牛久保３丁目９－２</t>
  </si>
  <si>
    <t>横浜市都筑区葛が谷６－５６</t>
  </si>
  <si>
    <t>横浜市都筑区折本町470</t>
  </si>
  <si>
    <t>横浜市都筑区仲町台２丁目７－１（都筑郵便局私書箱第１号）</t>
  </si>
  <si>
    <t>横浜市都筑区荏田東２丁目２５－１</t>
  </si>
  <si>
    <t>横浜市都筑区茅ケ崎中央11994</t>
  </si>
  <si>
    <t>横浜市都筑区仲町台３丁目１２－１</t>
  </si>
  <si>
    <t>横浜市都筑区加賀原２丁目１－１</t>
  </si>
  <si>
    <t>横浜市都筑区荏田東４丁目１０－５</t>
  </si>
  <si>
    <t>横浜市都筑区茅ヶ崎中央12785</t>
  </si>
  <si>
    <t>横浜市都筑区牛久保東１丁目１４番１号</t>
  </si>
  <si>
    <t>横浜市都筑区牛久保西３丁目３番１号</t>
  </si>
  <si>
    <t>横浜市都筑区仲町台３丁目１２－３</t>
  </si>
  <si>
    <t>横浜市都筑区茅ケ崎南37427</t>
  </si>
  <si>
    <t>横浜市都筑区池辺町862340</t>
  </si>
  <si>
    <t>横浜市都筑区佐江戸町600</t>
  </si>
  <si>
    <t>横浜市都筑区中川中央37410</t>
  </si>
  <si>
    <t>横浜市都筑区川和町654</t>
  </si>
  <si>
    <t>横浜市都筑区牛久保37865</t>
  </si>
  <si>
    <t>横浜市都筑区中川中央１－９－３２</t>
  </si>
  <si>
    <t>川崎市川崎区鈴木町45292</t>
  </si>
  <si>
    <t>川崎市川崎区港町６番１</t>
  </si>
  <si>
    <t>川崎市川崎区東扇島90</t>
  </si>
  <si>
    <t>川崎市川崎区塩浜４丁目１３－１５</t>
  </si>
  <si>
    <t>川崎市川崎区殿町３丁目２５－４</t>
  </si>
  <si>
    <t>川崎市川崎区東田町8</t>
  </si>
  <si>
    <t>川崎市川崎区殿町３－２５－１</t>
  </si>
  <si>
    <t>川崎市川崎区駅前本町7</t>
  </si>
  <si>
    <t>川崎市川崎区榎町45293</t>
  </si>
  <si>
    <t>川崎市川崎区日進町１番地川崎日航ホテルビル３階</t>
  </si>
  <si>
    <t>川崎市川崎区日進町45323</t>
  </si>
  <si>
    <t>川崎市川崎区砂子１－１０－２ソシオ砂子ビル７階</t>
  </si>
  <si>
    <t>川崎市川崎区砂子１丁目８番９号川崎御幸ビル</t>
  </si>
  <si>
    <t>川崎市川崎区砂子１丁目８番９号川崎御幸ビル４階</t>
  </si>
  <si>
    <t>川崎市川崎区南町２０－１５</t>
  </si>
  <si>
    <t>川崎市川崎区大師町４－４８</t>
  </si>
  <si>
    <t>川崎市川崎区駅前本町８番地</t>
  </si>
  <si>
    <t>川崎市川崎区榎町45369</t>
  </si>
  <si>
    <t>川崎市川崎区駅前本町２６－４（川崎中央郵便局私書箱第４３号）</t>
  </si>
  <si>
    <t>川崎市川崎区夜光37316</t>
  </si>
  <si>
    <t>川崎市川崎区東田町45624</t>
  </si>
  <si>
    <t>川崎市川崎区駅前本町45627</t>
  </si>
  <si>
    <t>川崎市川崎区砂子１丁目１－１４ＪＴＢ川崎共同ビル５階</t>
  </si>
  <si>
    <t>川崎市川崎区日進町１－５３興和川崎東口ビル</t>
  </si>
  <si>
    <t>川崎市川崎区駅前本町１２－１川崎駅前タワー・リバーク１３Ｆ</t>
  </si>
  <si>
    <t>川崎市川崎区駅前本町２５番地１</t>
  </si>
  <si>
    <t>川崎市川崎区浮島町45474</t>
  </si>
  <si>
    <t>川崎市川崎区浮島町６番１号</t>
  </si>
  <si>
    <t>川崎市川崎区田町37900</t>
  </si>
  <si>
    <t>川崎市川崎区夜光１丁目２－１</t>
  </si>
  <si>
    <t>川崎市川崎区白石町45323</t>
  </si>
  <si>
    <t>川崎市川崎区小島町４番２号</t>
  </si>
  <si>
    <t>川崎市川崎区夜光２丁目３－２</t>
  </si>
  <si>
    <t>川崎市川崎区千鳥町３番１号</t>
  </si>
  <si>
    <t>川崎市川崎区東田町５－２（川崎中央郵便局私書箱第５０号）</t>
  </si>
  <si>
    <t>川崎市川崎区水江町４番１号</t>
  </si>
  <si>
    <t>川崎市川崎区塩浜１丁目１－１</t>
  </si>
  <si>
    <t>川崎市川崎区大川町２番１号</t>
  </si>
  <si>
    <t>川崎市川崎区大師駅前１丁目１６番１５号</t>
  </si>
  <si>
    <t>川崎市川崎区富士見１丁目１－３</t>
  </si>
  <si>
    <t>川崎市川崎区殿町３丁目２５番２６号</t>
  </si>
  <si>
    <t>川崎市川崎区駅前本町２５－１ＫＤＸ川崎駅前本町ビル</t>
  </si>
  <si>
    <t>川崎市川崎区田辺新田１番１号</t>
  </si>
  <si>
    <t>川崎市川崎区宮本町1</t>
  </si>
  <si>
    <t>川崎市幸区堀川町６６－２興和川崎西口ビル１９階</t>
  </si>
  <si>
    <t>川崎市幸区堀川町７２番地</t>
  </si>
  <si>
    <t>川崎市幸区小向東芝町１番地</t>
  </si>
  <si>
    <t>川崎市幸区小向東芝町1</t>
  </si>
  <si>
    <t>川崎市幸区堀川町５８０－１川崎東芝ビル</t>
  </si>
  <si>
    <t>川崎市幸区堀川町５８０番地ソリッドスクエア東館６階</t>
  </si>
  <si>
    <t>川崎市幸区戸手本町１丁目１１番１号</t>
  </si>
  <si>
    <t>川崎市幸区塚越３丁目４５１番地</t>
  </si>
  <si>
    <t>川崎市幸区塚越４丁目３２０番地１</t>
  </si>
  <si>
    <t>川崎市幸区神明町２丁目３７－２</t>
  </si>
  <si>
    <t>川崎市幸区大宮町１３１０（ミューザ川崎セントラルタワー）</t>
  </si>
  <si>
    <t>川崎市幸区大宮町１３１０番地ミューザ川崎セントラルタワー２５・２６Ｆ</t>
  </si>
  <si>
    <t>川崎市幸区大宮町１３１０番地</t>
  </si>
  <si>
    <t>川崎市幸区鹿島田８９０日立システムプラザ新川崎</t>
  </si>
  <si>
    <t>川崎市幸区堀川町７２番地３４</t>
  </si>
  <si>
    <t>川崎市幸区堀川町26299</t>
  </si>
  <si>
    <t>川崎市幸区堀川町５８０番地ソリッドスクエア西館１０階</t>
  </si>
  <si>
    <t>川崎市幸区柳町25569</t>
  </si>
  <si>
    <t>川崎市幸区堀川町５８０番地１６</t>
  </si>
  <si>
    <t>川崎市幸区堀川町５８０番地ソリッドスクエア西館２０階</t>
  </si>
  <si>
    <t>川崎市幸区堀川町５８０ソリッドスクエア東館３階</t>
  </si>
  <si>
    <t>川崎市幸区鹿島田１－１－２新川崎三井ビルディングＷ棟２４階</t>
  </si>
  <si>
    <t>川崎市幸区新小倉45292</t>
  </si>
  <si>
    <t>川崎市中原区下沼部1753</t>
  </si>
  <si>
    <t>川崎市中原区下小田中２丁目１２－８</t>
  </si>
  <si>
    <t>川崎市中原区宮内２丁目５－２</t>
  </si>
  <si>
    <t>川崎市中原区市ノ坪150</t>
  </si>
  <si>
    <t>川崎市中原区中丸子588</t>
  </si>
  <si>
    <t>川崎市中原区小杉町１丁目４０３武蔵小杉タワープレイス</t>
  </si>
  <si>
    <t>川崎市中原区木月住吉町45292</t>
  </si>
  <si>
    <t>川崎市中原区今井上町53</t>
  </si>
  <si>
    <t>川崎市中原区市ノ坪160</t>
  </si>
  <si>
    <t>川崎市中原区木月大町198</t>
  </si>
  <si>
    <t>川崎市中原区苅宿16438</t>
  </si>
  <si>
    <t>川崎市中原区市ノ坪370</t>
  </si>
  <si>
    <t>川崎市中原区小杉町１－３８３</t>
  </si>
  <si>
    <t>川崎市中原区下沼部１７５３番地</t>
  </si>
  <si>
    <t>川崎市中原区下小田中２丁目２０－５中原ビル</t>
  </si>
  <si>
    <t>川崎市中原区新城中町45604</t>
  </si>
  <si>
    <t>川崎市中原区今井南町１０番４１号</t>
  </si>
  <si>
    <t>川崎市中原区大倉町10</t>
  </si>
  <si>
    <t>川崎市中原区小杉町三丁目４７２番地</t>
  </si>
  <si>
    <t>川崎市中原区小杉町３丁目２４５</t>
  </si>
  <si>
    <t>川崎市中原区上小田中４丁目１－１</t>
  </si>
  <si>
    <t>川崎市高津区下作延５－３６－１</t>
  </si>
  <si>
    <t>川崎市高津区北見方３－１４－１ＨＮＤ６</t>
  </si>
  <si>
    <t>川崎市高津区北見方３－１４－１ＨＮＤ９</t>
  </si>
  <si>
    <t>川崎市高津区北見方２丁目６－１</t>
  </si>
  <si>
    <t>川崎市高津区宇奈根７１５－１</t>
  </si>
  <si>
    <t>川崎市高津区野川3696</t>
  </si>
  <si>
    <t>川崎市高津区溝口１丁目６－１２</t>
  </si>
  <si>
    <t>川崎市高津区坂戸３丁目２番１号ＫＳＰ西棟２０５号</t>
  </si>
  <si>
    <t>川崎市高津区宇奈根７３１－１</t>
  </si>
  <si>
    <t>川崎市高津区溝口１丁目２４－１６</t>
  </si>
  <si>
    <t>川崎市高津区二子４丁目９－１</t>
  </si>
  <si>
    <t>川崎市高津区末長37697</t>
  </si>
  <si>
    <t>川崎市高津区久本３丁目３－１７</t>
  </si>
  <si>
    <t>川崎市高津区坂戸１丁目２０－１</t>
  </si>
  <si>
    <t>川崎市高津区千年６９８－１</t>
  </si>
  <si>
    <t>川崎市高津区久本２丁目４－３</t>
  </si>
  <si>
    <t>川崎市高津区下作延２丁目７番６０号</t>
  </si>
  <si>
    <t>川崎市高津区坂戸１丁目１３－３</t>
  </si>
  <si>
    <t>川崎市高津区梶ケ谷２丁目３－３</t>
  </si>
  <si>
    <t>川崎市高津区久本２丁目３－１</t>
  </si>
  <si>
    <t>川崎市高津区下野毛３丁目１６－１</t>
  </si>
  <si>
    <t>川崎市高津区下野毛２丁目１２－１</t>
  </si>
  <si>
    <t>川崎市高津区下作延４－２６－１</t>
  </si>
  <si>
    <t>川崎市高津区下野毛３丁目１３－１</t>
  </si>
  <si>
    <t>川崎市高津区久本３丁目５－８</t>
  </si>
  <si>
    <t>川崎市高津区下作延37469</t>
  </si>
  <si>
    <t>川崎市高津区二子38353</t>
  </si>
  <si>
    <t>川崎市高津区梶ケ谷１丁目３－１</t>
  </si>
  <si>
    <t>川崎市高津区坂戸１丁目１７番３号</t>
  </si>
  <si>
    <t>川崎市多摩区宿河原１丁目３０－３７</t>
  </si>
  <si>
    <t>川崎市多摩区西生田１丁目１－１</t>
  </si>
  <si>
    <t>川崎市多摩区枡形１－２３－１</t>
  </si>
  <si>
    <t>川崎市多摩区長尾６丁目２１－１</t>
  </si>
  <si>
    <t>川崎市多摩区登戸１７７５－１</t>
  </si>
  <si>
    <t>川崎市多摩区東三田１丁目１－１</t>
  </si>
  <si>
    <t>川崎市多摩区東三田２丁目１－１</t>
  </si>
  <si>
    <t>川崎市宮前区菅生１丁目２０番８号</t>
  </si>
  <si>
    <t>川崎市宮前区小台１丁目１８－１</t>
  </si>
  <si>
    <t>川崎市宮前区有馬２丁目９－４</t>
  </si>
  <si>
    <t>川崎市宮前区水沢１丁目１－１</t>
  </si>
  <si>
    <t>川崎市宮前区菅生２丁目８－１４</t>
  </si>
  <si>
    <t>川崎市宮前区水沢２丁目１７番１号</t>
  </si>
  <si>
    <t>川崎市宮前区菅生２丁目１６－１</t>
  </si>
  <si>
    <t>川崎市宮前区南平台45292</t>
  </si>
  <si>
    <t>川崎市宮前区宮前平２丁目２０－５</t>
  </si>
  <si>
    <t>川崎市麻生区万福寺１丁目１４－１</t>
  </si>
  <si>
    <t>川崎市麻生区上麻生１丁目３－９</t>
  </si>
  <si>
    <t>川崎市麻生区上麻生１丁目１０－５－３０４</t>
  </si>
  <si>
    <t>川崎市麻生区栗木２丁目６番２３号</t>
  </si>
  <si>
    <t>川崎市麻生区栗木２丁目４番１６号</t>
  </si>
  <si>
    <t>川崎市麻生区南黒川７番１号</t>
  </si>
  <si>
    <t>川崎市麻生区南黒川45445</t>
  </si>
  <si>
    <t>川崎市麻生区万福寺１丁目２番２号新百合トウェンティワン５階</t>
  </si>
  <si>
    <t>川崎市麻生区上麻生６丁目２９番１８号</t>
  </si>
  <si>
    <t>川崎市麻生区上麻生１丁目３－１４</t>
  </si>
  <si>
    <t>川崎市麻生区栗木２丁目５番１号</t>
  </si>
  <si>
    <t>川崎市麻生区栗木２丁目６－１５</t>
  </si>
  <si>
    <t>川崎市麻生区上麻生１丁目１１－１</t>
  </si>
  <si>
    <t>川崎市麻生区万福寺６丁目７－２</t>
  </si>
  <si>
    <t>川崎市麻生区東百合丘３丁目４－１</t>
  </si>
  <si>
    <t>川崎市麻生区万福寺１丁目５－１</t>
  </si>
  <si>
    <t>相模原市緑区与瀬８９６番地</t>
  </si>
  <si>
    <t>相模原市緑区小渕２０００番地</t>
  </si>
  <si>
    <t>相模原市緑区久保沢１丁目３番１号</t>
  </si>
  <si>
    <t>相模原市緑区根小屋1752</t>
  </si>
  <si>
    <t>相模原市緑区中野６３３番地</t>
  </si>
  <si>
    <t>相模原市緑区大山町45332</t>
  </si>
  <si>
    <t>相模原市緑区中野５５０番地</t>
  </si>
  <si>
    <t>相模原市緑区橋本台４丁目３番１号</t>
  </si>
  <si>
    <t>相模原市緑区西橋本５丁目３番２１号緑区合同庁舎内</t>
  </si>
  <si>
    <t>相模原市緑区西橋本５丁目５番１号</t>
  </si>
  <si>
    <t>相模原市緑区西橋本５丁目８－１</t>
  </si>
  <si>
    <t>相模原市中央区淵野辺５丁目１０－１</t>
  </si>
  <si>
    <t>相模原市中央区青葉２丁目２－１</t>
  </si>
  <si>
    <t>相模原市中央区由野台３丁目１－１</t>
  </si>
  <si>
    <t>相模原市中央区相模原６丁目２０－１</t>
  </si>
  <si>
    <t>相模原市中央区淵野辺１丁目１７－７１</t>
  </si>
  <si>
    <t>相模原市中央区中央２丁目１１番１５号</t>
  </si>
  <si>
    <t>相模原市中央区富士見６丁目４－１４</t>
  </si>
  <si>
    <t>相模原市中央区小山3429</t>
  </si>
  <si>
    <t>相模原市中央区千代田７丁目６－１０</t>
  </si>
  <si>
    <t>相模原市中央区小山１丁目１５番３０号</t>
  </si>
  <si>
    <t>相模原市中央区小山４丁目１－６</t>
  </si>
  <si>
    <t>相模原市中央区横山36892</t>
  </si>
  <si>
    <t>相模原市中央区宮下３丁目１４－１５</t>
  </si>
  <si>
    <t>相模原市中央区下九沢１１２０番地</t>
  </si>
  <si>
    <t>相模原市中央区田名３０００番地</t>
  </si>
  <si>
    <t>相模原市中央区宮下１丁目１番５７号</t>
  </si>
  <si>
    <t>相模原市中央区清新８－２０－１２</t>
  </si>
  <si>
    <t>相模原市中央区南橋本37841</t>
  </si>
  <si>
    <t>相模原市中央区田名字白雨台３５３２－７</t>
  </si>
  <si>
    <t>相模原市中央区田名字白雨台３５３２－１０</t>
  </si>
  <si>
    <t>相模原市中央区相模原４丁目７－１０エス・プラザビル１階</t>
  </si>
  <si>
    <t>相模原市中央区鹿沼台１丁目２－１８</t>
  </si>
  <si>
    <t>相模原市中央区田名758611</t>
  </si>
  <si>
    <t>相模原市中央区田名字白雨台３５３２－１５</t>
  </si>
  <si>
    <t>相模原市中央区田名字白雨台３５３２－１３</t>
  </si>
  <si>
    <t>相模原市中央区田名字赤坂３７００－１</t>
  </si>
  <si>
    <t>相模原市中央区南橋本３丁目２－２５</t>
  </si>
  <si>
    <t>相模原市中央区小山４－１－５５</t>
  </si>
  <si>
    <t>相模原市中央区南橋本３丁目１番３５号</t>
  </si>
  <si>
    <t>相模原市南区相模大野３丁目９－１</t>
  </si>
  <si>
    <t>相模原市南区北里１丁目１５－１</t>
  </si>
  <si>
    <t>相模原市南区文京２丁目１－１</t>
  </si>
  <si>
    <t>相模原市南区北里１丁目１５番１号</t>
  </si>
  <si>
    <t>相模原市南区相模大野６丁目３－１</t>
  </si>
  <si>
    <t>相模原市南区相模大野５丁目３１番１号南区合同庁舎内</t>
  </si>
  <si>
    <t>相模原市南区相模大野６丁目６－６</t>
  </si>
  <si>
    <t>相模原市南区麻溝台1900</t>
  </si>
  <si>
    <t>相模原市南区相南３丁目３３－１</t>
  </si>
  <si>
    <t>相模原市南区上鶴間７丁目９－１</t>
  </si>
  <si>
    <t>相模原市南区桜台45309</t>
  </si>
  <si>
    <t>相模原市南区西大沼５丁目４番２０号</t>
  </si>
  <si>
    <t>相模原市南区相模大野38080</t>
  </si>
  <si>
    <t>相模原市南区上鶴間本町９－５０－４５－２Ｆ</t>
  </si>
  <si>
    <t>相模原市南区新戸２９５８番地</t>
  </si>
  <si>
    <t>横須賀市長浦町１丁目４３</t>
  </si>
  <si>
    <t>横須賀市夏島町19</t>
  </si>
  <si>
    <t>横須賀市船越町１丁目２０１－１</t>
  </si>
  <si>
    <t>横須賀市夏島町１番地</t>
  </si>
  <si>
    <t>横須賀市平成町１丁目１０－１</t>
  </si>
  <si>
    <t>横須賀市稲岡町82</t>
  </si>
  <si>
    <t>横須賀市小川町１番地２３</t>
  </si>
  <si>
    <t>横須賀市新港町１番地８</t>
  </si>
  <si>
    <t>横須賀市小矢部２丁目２３－１</t>
  </si>
  <si>
    <t>横須賀市大滝町２丁目２（横須賀郵便局私書箱第１６号）</t>
  </si>
  <si>
    <t>横須賀市大滝町２丁目６</t>
  </si>
  <si>
    <t>横須賀市本町２丁目１－１２</t>
  </si>
  <si>
    <t>横須賀市大滝町１丁目２８（横須賀郵便局私書箱第２５号）</t>
  </si>
  <si>
    <t>横須賀市若松町２丁目３０</t>
  </si>
  <si>
    <t>横須賀市米が浜通１丁目１６</t>
  </si>
  <si>
    <t>横須賀市小川町11</t>
  </si>
  <si>
    <t>横須賀市小川町1</t>
  </si>
  <si>
    <t>横須賀市上町２丁目３６</t>
  </si>
  <si>
    <t>横須賀市上町３丁目１</t>
  </si>
  <si>
    <t>横須賀市田戸台３番地</t>
  </si>
  <si>
    <t>横須賀市田戸台3</t>
  </si>
  <si>
    <t>横須賀市日の出町１丁目４番地</t>
  </si>
  <si>
    <t>横須賀市久里浜４丁目４－１０</t>
  </si>
  <si>
    <t>横須賀市神明町５８番地４</t>
  </si>
  <si>
    <t>横須賀市神明町５８番地７</t>
  </si>
  <si>
    <t>横須賀市光の丘45414</t>
  </si>
  <si>
    <t>横須賀市光の丘45415</t>
  </si>
  <si>
    <t>横須賀市神明町１－４１</t>
  </si>
  <si>
    <t>横須賀市久里浜９丁目２番１号</t>
  </si>
  <si>
    <t>横須賀市野比５丁目１番１号</t>
  </si>
  <si>
    <t>横須賀市走水１丁目１０－２０</t>
  </si>
  <si>
    <t>横須賀市長坂２丁目６－１</t>
  </si>
  <si>
    <t>横須賀市長坂１丁目３－２</t>
  </si>
  <si>
    <t>平塚市八重咲町45461</t>
  </si>
  <si>
    <t>平塚市万田１２００番地</t>
  </si>
  <si>
    <t>平塚市四之宮３丁目２５－１</t>
  </si>
  <si>
    <t>平塚市宮松町45374</t>
  </si>
  <si>
    <t>平塚市西八幡１丁目４番３号</t>
  </si>
  <si>
    <t>平塚市東八幡４－１７－１</t>
  </si>
  <si>
    <t>平塚市東八幡38443</t>
  </si>
  <si>
    <t>平塚市東八幡５丁目５－１</t>
  </si>
  <si>
    <t>平塚市堤町２番１号（平塚郵便局私書箱第１４号）</t>
  </si>
  <si>
    <t>平塚市長瀞45301</t>
  </si>
  <si>
    <t>平塚市四之宮４丁目１８－２９</t>
  </si>
  <si>
    <t>平塚市追分45546</t>
  </si>
  <si>
    <t>平塚市浅間町45587</t>
  </si>
  <si>
    <t>平塚市浅間町９－１（平塚郵便局私書箱第２３号）</t>
  </si>
  <si>
    <t>平塚市浅間町45536</t>
  </si>
  <si>
    <t>平塚市西真土２丁目１－３５</t>
  </si>
  <si>
    <t>平塚市追分２－１（平塚郵便局私書箱第２０号）</t>
  </si>
  <si>
    <t>平塚市天沼45566</t>
  </si>
  <si>
    <t>平塚市北金目四丁目１番１号</t>
  </si>
  <si>
    <t>鎌倉市大船６－３－５３</t>
  </si>
  <si>
    <t>鎌倉市岡本１３７０番１</t>
  </si>
  <si>
    <t>鎌倉市台２丁目１９－１２</t>
  </si>
  <si>
    <t>鎌倉市梶原２００番地</t>
  </si>
  <si>
    <t>鎌倉市台２丁目１３－１</t>
  </si>
  <si>
    <t>鎌倉市岩瀬1285</t>
  </si>
  <si>
    <t>鎌倉市御成町45583</t>
  </si>
  <si>
    <t>鎌倉市手広六丁目１０番１号</t>
  </si>
  <si>
    <t>藤沢市小塚400</t>
  </si>
  <si>
    <t>藤沢市小塚383</t>
  </si>
  <si>
    <t>藤沢市南藤沢２１番１号</t>
  </si>
  <si>
    <t>藤沢市藤沢９３３番２</t>
  </si>
  <si>
    <t>藤沢市鵠沼東１番１号玉半ビル５階</t>
  </si>
  <si>
    <t>藤沢市本藤沢４丁目２－１</t>
  </si>
  <si>
    <t>藤沢市宮前１００番－１号</t>
  </si>
  <si>
    <t>藤沢市藤沢555</t>
  </si>
  <si>
    <t>藤沢市川名１丁目１５－１</t>
  </si>
  <si>
    <t>藤沢市鵠沼神明１丁目４番地２１号ＮＴＴコミュニケーションズ湘南藤沢ビル３Ｆ</t>
  </si>
  <si>
    <t>藤沢市川名１丁目１２－２</t>
  </si>
  <si>
    <t>藤沢市鵠沼松が岡４丁目１－３２</t>
  </si>
  <si>
    <t>藤沢市辻堂西海岸１丁目１－２５</t>
  </si>
  <si>
    <t>藤沢市辻堂神台２丁目４－３８</t>
  </si>
  <si>
    <t>藤沢市辻堂神台２丁目２番３０号</t>
  </si>
  <si>
    <t>藤沢市村岡東２－２６－１</t>
  </si>
  <si>
    <t>藤沢市辻堂新町３丁目３－１</t>
  </si>
  <si>
    <t>藤沢市南藤沢45363</t>
  </si>
  <si>
    <t>藤沢市鵠沼神明１丁目５－５０</t>
  </si>
  <si>
    <t>藤沢市鵠沼石上２丁目７－１</t>
  </si>
  <si>
    <t>藤沢市藤沢２丁目６－１</t>
  </si>
  <si>
    <t>藤沢市朝日町１－１（藤沢郵便局私書箱第２２号）</t>
  </si>
  <si>
    <t>藤沢市朝日町45302</t>
  </si>
  <si>
    <t>藤沢市片瀬１丁目１－１</t>
  </si>
  <si>
    <t>藤沢市南藤沢１２－４－１０１</t>
  </si>
  <si>
    <t>藤沢市土棚8</t>
  </si>
  <si>
    <t>藤沢市遠藤5322</t>
  </si>
  <si>
    <t>藤沢市獺郷１００８－１</t>
  </si>
  <si>
    <t>藤沢市亀井野1866</t>
  </si>
  <si>
    <t>藤沢市桐原町１番地</t>
  </si>
  <si>
    <t>藤沢市遠藤4411</t>
  </si>
  <si>
    <t>小田原市扇町38108</t>
  </si>
  <si>
    <t>小田原市荻窪300</t>
  </si>
  <si>
    <t>小田原市荻窪440</t>
  </si>
  <si>
    <t>小田原市城山１丁目２－２５</t>
  </si>
  <si>
    <t>小田原市西大友２０５－２</t>
  </si>
  <si>
    <t>小田原市高田401</t>
  </si>
  <si>
    <t>小田原市鬼柳１７２－１３</t>
  </si>
  <si>
    <t>小田原市鬼柳１３８－２４</t>
  </si>
  <si>
    <t>小田原市高田313</t>
  </si>
  <si>
    <t>小田原市高田345</t>
  </si>
  <si>
    <t>小田原市鬼柳１８４－６</t>
  </si>
  <si>
    <t>小田原市国府津２８８０番地</t>
  </si>
  <si>
    <t>茅ヶ崎市萩園2500</t>
  </si>
  <si>
    <t>茅ヶ崎市萩園259079</t>
  </si>
  <si>
    <t>茅ヶ崎市茅ヶ崎２丁目７－７１</t>
  </si>
  <si>
    <t>茅ヶ崎市萩園８２４－２</t>
  </si>
  <si>
    <t>茅ヶ崎市東海岸南38049</t>
  </si>
  <si>
    <t>茅ヶ崎市茅ヶ崎３丁目２－１０</t>
  </si>
  <si>
    <t>茅ヶ崎市茅ヶ崎一丁目８番７号</t>
  </si>
  <si>
    <t>茅ヶ崎市茅ヶ崎１丁目１－１（茅ヶ崎郵便局私書箱第６号）</t>
  </si>
  <si>
    <t>茅ヶ崎市本村２丁目８－１</t>
  </si>
  <si>
    <t>茅ヶ崎市茅ヶ崎３丁目３－５</t>
  </si>
  <si>
    <t>茅ヶ崎市行谷1100</t>
  </si>
  <si>
    <t>茅ヶ崎市下町屋１丁目１－１</t>
  </si>
  <si>
    <t>逗子市新宿２丁目５－１</t>
  </si>
  <si>
    <t>逗子市逗子５丁目２－１６</t>
  </si>
  <si>
    <t>三浦市尾上町18</t>
  </si>
  <si>
    <t>三浦市城山町45292</t>
  </si>
  <si>
    <t>秦野市曽屋500</t>
  </si>
  <si>
    <t>秦野市曽屋１２０４番地</t>
  </si>
  <si>
    <t>秦野市曽屋30</t>
  </si>
  <si>
    <t>秦野市落合６６６－１</t>
  </si>
  <si>
    <t>秦野市落合７２９－５</t>
  </si>
  <si>
    <t>秦野市曽屋400</t>
  </si>
  <si>
    <t>秦野市曽屋242</t>
  </si>
  <si>
    <t>秦野市曽屋1041</t>
  </si>
  <si>
    <t>秦野市桜町１丁目３－２</t>
  </si>
  <si>
    <t>秦野市平沢237410</t>
  </si>
  <si>
    <t>秦野市名古木1469</t>
  </si>
  <si>
    <t>秦野市堀山下1</t>
  </si>
  <si>
    <t>厚木市水引２－３－１（厚木合同庁舎内）</t>
  </si>
  <si>
    <t>厚木市中町３丁目１７－１７</t>
  </si>
  <si>
    <t>厚木市水引１丁目１６－３６</t>
  </si>
  <si>
    <t>厚木市水引１丁目１０－７</t>
  </si>
  <si>
    <t>厚木市恩名38353</t>
  </si>
  <si>
    <t>厚木市酒井３１５１番地</t>
  </si>
  <si>
    <t>厚木市戸田219148</t>
  </si>
  <si>
    <t>厚木市温水17899</t>
  </si>
  <si>
    <t>厚木市温水１１８－１</t>
  </si>
  <si>
    <t>厚木市関口808</t>
  </si>
  <si>
    <t>厚木市温水428</t>
  </si>
  <si>
    <t>厚木市中町４丁目１４－１（厚木郵便局私書箱第２７号）</t>
  </si>
  <si>
    <t>厚木市船子232</t>
  </si>
  <si>
    <t>厚木市中町２丁目２－２０（厚木郵便局私書箱第３７号）</t>
  </si>
  <si>
    <t>厚木市恩名四丁目７番１号</t>
  </si>
  <si>
    <t>厚木市酒井1601</t>
  </si>
  <si>
    <t>厚木市中町３－１１－１８Ｆｌｏｓ厚木２Ｆ</t>
  </si>
  <si>
    <t>厚木市森の里若宮45352</t>
  </si>
  <si>
    <t>厚木市森の里若宮45566</t>
  </si>
  <si>
    <t>厚木市森の里若宮45413</t>
  </si>
  <si>
    <t>厚木市岡津古久５６０－２</t>
  </si>
  <si>
    <t>厚木市下荻野1030</t>
  </si>
  <si>
    <t>厚木市下荻野1005</t>
  </si>
  <si>
    <t>厚木市飯山南５丁目４５－１</t>
  </si>
  <si>
    <t>厚木市上依知3034</t>
  </si>
  <si>
    <t>大和市都市計画事業渋谷（南部地区）土地区画整理事業地内７４街区１外</t>
  </si>
  <si>
    <t>大和市深見台３丁目４</t>
  </si>
  <si>
    <t>大和市中央林間７丁目１２－２ニッセイロジスティクスセンター横浜町田</t>
  </si>
  <si>
    <t>大和市中央林間西37803</t>
  </si>
  <si>
    <t>大和市深見東37015</t>
  </si>
  <si>
    <t>大和市下鶴間１丁目１－１</t>
  </si>
  <si>
    <t>大和市大和南１丁目８－１ＹＡＭＡＴＯ文化森２０３</t>
  </si>
  <si>
    <t>伊勢原市石田１００ＭＦＬＰ厚木Ⅱ</t>
  </si>
  <si>
    <t>伊勢原市田中３４８（伊勢原郵便局私書箱第８号）</t>
  </si>
  <si>
    <t>伊勢原市板戸80</t>
  </si>
  <si>
    <t>伊勢原市石田２００（伊勢原郵便局私書箱第５号）</t>
  </si>
  <si>
    <t>伊勢原市鈴川6</t>
  </si>
  <si>
    <t>伊勢原市見附島411</t>
  </si>
  <si>
    <t>伊勢原市上粕屋1573</t>
  </si>
  <si>
    <t>伊勢原市田中345</t>
  </si>
  <si>
    <t>伊勢原市下糟屋143</t>
  </si>
  <si>
    <t>海老名市大谷北１丁目３番２号</t>
  </si>
  <si>
    <t>海老名市中新田３２９０ＭＦＬＰ海老名Ⅰ３Ｆ</t>
  </si>
  <si>
    <t>海老名市勝瀬１７５番地の１</t>
  </si>
  <si>
    <t>海老名市今里３－２６－１１</t>
  </si>
  <si>
    <t>海老名市めぐみ町２番２号</t>
  </si>
  <si>
    <t>海老名市中央１丁目６－１小田急ビナウォーク３番館</t>
  </si>
  <si>
    <t>海老名市中央１－２－１ビナウォーク６番館</t>
  </si>
  <si>
    <t>海老名市中央１－４－１ビナウォーク５番館</t>
  </si>
  <si>
    <t>海老名市中央１－１３－１ビナウォーク４番館</t>
  </si>
  <si>
    <t>海老名市本郷２２７４番地</t>
  </si>
  <si>
    <t>海老名市中新田４丁目７番１号</t>
  </si>
  <si>
    <t>海老名市扇町１３番１号</t>
  </si>
  <si>
    <t>海老名市泉二丁目７番１号</t>
  </si>
  <si>
    <t>座間市入谷３丁目１７０７－１６星野ハイツＣ１０２号</t>
  </si>
  <si>
    <t>座間市東原５丁目１－１１</t>
  </si>
  <si>
    <t>座間市座間２丁目２８５９</t>
  </si>
  <si>
    <t>座間市ひばりが丘４丁目２１－１</t>
  </si>
  <si>
    <t>座間市座間無番地</t>
  </si>
  <si>
    <t>座間市緑ケ丘１丁目１－１</t>
  </si>
  <si>
    <t>座間市相武台２丁目２６８</t>
  </si>
  <si>
    <t>座間市広野台２丁目１０－１</t>
  </si>
  <si>
    <t>座間市相武台２丁目２１５</t>
  </si>
  <si>
    <t>座間市小松原１丁目３９－７</t>
  </si>
  <si>
    <t>座間市広野台２丁目１０番４号</t>
  </si>
  <si>
    <t>座間市広野台２丁目１０番１１号</t>
  </si>
  <si>
    <t>座間市広野台２－１０－８プロロジスパーク座間Ⅱ３Ｆ</t>
  </si>
  <si>
    <t>南足柄市中沼210</t>
  </si>
  <si>
    <t>南足柄市関本４４０番地</t>
  </si>
  <si>
    <t>綾瀬市早川550</t>
  </si>
  <si>
    <t>綾瀬市深谷中８丁目８番６号</t>
  </si>
  <si>
    <t>綾瀬市早川307901</t>
  </si>
  <si>
    <t>三浦郡葉山町上山口１５６０－３９</t>
  </si>
  <si>
    <t>三浦郡葉山町上山口１５６０－４４</t>
  </si>
  <si>
    <t>三浦郡葉山町上山口１５６０－３５</t>
  </si>
  <si>
    <t>三浦郡葉山町堀内2135</t>
  </si>
  <si>
    <t>高座郡寒川町宮山3916</t>
  </si>
  <si>
    <t>高座郡寒川町宮山165</t>
  </si>
  <si>
    <t>高座郡寒川町田端１５８０番地</t>
  </si>
  <si>
    <t>中郡大磯町東小磯183</t>
  </si>
  <si>
    <t>中郡大磯町国府本郷546</t>
  </si>
  <si>
    <t>中郡二宮町二宮961</t>
  </si>
  <si>
    <t>足柄上郡中井町久所30682</t>
  </si>
  <si>
    <t>足柄上郡中井町境７８１番地</t>
  </si>
  <si>
    <t>足柄上郡中井町比奈窪56</t>
  </si>
  <si>
    <t>足柄上郡中井町久所300</t>
  </si>
  <si>
    <t>足柄上郡中井町藤沢４５４番地</t>
  </si>
  <si>
    <t>足柄上郡大井町西大井６８６－１</t>
  </si>
  <si>
    <t>足柄上郡大井町金子1995</t>
  </si>
  <si>
    <t>足柄上郡大井町上大井１３１－１</t>
  </si>
  <si>
    <t>足柄上郡松田町松田惣領2037</t>
  </si>
  <si>
    <t>足柄上郡山北町山北１３０１－４</t>
  </si>
  <si>
    <t>足柄上郡開成町宮台７９８－１</t>
  </si>
  <si>
    <t>足柄上郡開成町牛島577</t>
  </si>
  <si>
    <t>足柄上郡開成町延沢1</t>
  </si>
  <si>
    <t>足柄下郡箱根町湯本256</t>
  </si>
  <si>
    <t>足柄下郡箱根町湯本２５６－１</t>
  </si>
  <si>
    <t>足柄下郡箱根町ニノ平1121</t>
  </si>
  <si>
    <t>足柄下郡箱根町元箱根144</t>
  </si>
  <si>
    <t>足柄下郡湯河原町土肥１丁目１５－４</t>
  </si>
  <si>
    <t>足柄下郡湯河原町吉浜1855</t>
  </si>
  <si>
    <t>足柄下郡湯河原町中央２－２１－６</t>
  </si>
  <si>
    <t>足柄下郡湯河原町中央２丁目２－１</t>
  </si>
  <si>
    <t>愛甲郡愛川町角田２５１－１</t>
  </si>
  <si>
    <t>愛甲郡清川村煤ヶ谷２２１６番地</t>
  </si>
  <si>
    <t>0000</t>
    <phoneticPr fontId="2"/>
  </si>
  <si>
    <t>神奈川県厚木市○○9999</t>
    <rPh sb="0" eb="4">
      <t>カナガワケン</t>
    </rPh>
    <rPh sb="4" eb="7">
      <t>アツギシ</t>
    </rPh>
    <phoneticPr fontId="3"/>
  </si>
  <si>
    <t>〇〇ビル</t>
  </si>
  <si>
    <t>株式会社〇〇産業</t>
    <rPh sb="0" eb="4">
      <t>カブシキガイシャ</t>
    </rPh>
    <rPh sb="6" eb="8">
      <t>サンギョウ</t>
    </rPh>
    <phoneticPr fontId="3"/>
  </si>
  <si>
    <t>代表取締役　○○　〇〇</t>
    <rPh sb="0" eb="5">
      <t>ダイ</t>
    </rPh>
    <phoneticPr fontId="3"/>
  </si>
  <si>
    <t>*****部*****課</t>
    <phoneticPr fontId="2"/>
  </si>
  <si>
    <t>***-***-***</t>
    <phoneticPr fontId="2"/>
  </si>
  <si>
    <t>abc@○○○○.jp</t>
    <phoneticPr fontId="2"/>
  </si>
  <si>
    <t>**  **</t>
    <phoneticPr fontId="2"/>
  </si>
  <si>
    <t>厚木工場</t>
    <rPh sb="0" eb="2">
      <t>アツギ</t>
    </rPh>
    <rPh sb="2" eb="4">
      <t>コウジョウ</t>
    </rPh>
    <phoneticPr fontId="2"/>
  </si>
  <si>
    <t>243</t>
    <phoneticPr fontId="2"/>
  </si>
  <si>
    <t>○○9999</t>
    <phoneticPr fontId="2"/>
  </si>
  <si>
    <t>○</t>
  </si>
  <si>
    <t>0803</t>
    <phoneticPr fontId="2"/>
  </si>
  <si>
    <t>厚木市〇〇</t>
    <rPh sb="0" eb="2">
      <t>アツギ</t>
    </rPh>
    <rPh sb="2" eb="3">
      <t>シ</t>
    </rPh>
    <phoneticPr fontId="2"/>
  </si>
  <si>
    <t>9999　〇〇ビル</t>
    <phoneticPr fontId="2"/>
  </si>
  <si>
    <t>入力規則</t>
    <rPh sb="0" eb="2">
      <t>ニュウリョク</t>
    </rPh>
    <rPh sb="2" eb="4">
      <t>キソク</t>
    </rPh>
    <phoneticPr fontId="2"/>
  </si>
  <si>
    <t>様式第１－２号（第４条関係）（用紙　日本産業規格Ａ４縦長型）</t>
    <phoneticPr fontId="3"/>
  </si>
  <si>
    <t>かながわ脱炭素チャレンジ中小企業認証更新申請書</t>
    <phoneticPr fontId="3"/>
  </si>
  <si>
    <t>　かながわ脱炭素チャレンジ中小企業認証制度実施要綱第４条第２項の規定により、次のとおり申請します。</t>
    <phoneticPr fontId="2"/>
  </si>
  <si>
    <t>直近の認証書交付年月日等</t>
    <phoneticPr fontId="2"/>
  </si>
  <si>
    <t>認証書
交付年月日</t>
    <phoneticPr fontId="2"/>
  </si>
  <si>
    <t>月　　</t>
    <rPh sb="0" eb="1">
      <t>ガツ</t>
    </rPh>
    <phoneticPr fontId="2"/>
  </si>
  <si>
    <t>号</t>
    <rPh sb="0" eb="1">
      <t>ゴウ</t>
    </rPh>
    <phoneticPr fontId="2"/>
  </si>
  <si>
    <t>第</t>
    <rPh sb="0" eb="1">
      <t>ダイ</t>
    </rPh>
    <phoneticPr fontId="2"/>
  </si>
  <si>
    <t>認証
番号</t>
    <rPh sb="0" eb="2">
      <t>ニンショウ</t>
    </rPh>
    <rPh sb="3" eb="5">
      <t>バンゴウ</t>
    </rPh>
    <phoneticPr fontId="2"/>
  </si>
  <si>
    <t>認証書交付年月日</t>
    <rPh sb="0" eb="2">
      <t>ニンショウ</t>
    </rPh>
    <rPh sb="2" eb="3">
      <t>ショ</t>
    </rPh>
    <rPh sb="3" eb="5">
      <t>コウフ</t>
    </rPh>
    <rPh sb="5" eb="8">
      <t>ネンガッピ</t>
    </rPh>
    <phoneticPr fontId="2"/>
  </si>
  <si>
    <t>認証番号</t>
    <rPh sb="0" eb="2">
      <t>ニンショウ</t>
    </rPh>
    <rPh sb="2" eb="4">
      <t>バンゴウ</t>
    </rPh>
    <phoneticPr fontId="2"/>
  </si>
  <si>
    <t>←2024～2050年の間</t>
    <rPh sb="10" eb="11">
      <t>ネン</t>
    </rPh>
    <rPh sb="12" eb="13">
      <t>アイダ</t>
    </rPh>
    <phoneticPr fontId="2"/>
  </si>
  <si>
    <t>事務処理用</t>
    <phoneticPr fontId="2"/>
  </si>
  <si>
    <t>かながわ脱炭素チャレンジ中小企業認証更新申請書</t>
    <rPh sb="4" eb="5">
      <t>ダツ</t>
    </rPh>
    <rPh sb="5" eb="7">
      <t>タンソ</t>
    </rPh>
    <rPh sb="12" eb="14">
      <t>チュウショウ</t>
    </rPh>
    <rPh sb="14" eb="16">
      <t>キギョウ</t>
    </rPh>
    <rPh sb="16" eb="18">
      <t>ニンショウ</t>
    </rPh>
    <rPh sb="18" eb="20">
      <t>コウシン</t>
    </rPh>
    <rPh sb="20" eb="22">
      <t>シンセイ</t>
    </rPh>
    <rPh sb="22" eb="23">
      <t>ショ</t>
    </rPh>
    <phoneticPr fontId="3"/>
  </si>
  <si>
    <t>所属所在地</t>
    <rPh sb="0" eb="2">
      <t>ショゾク</t>
    </rPh>
    <rPh sb="2" eb="5">
      <t>ショザイチ</t>
    </rPh>
    <phoneticPr fontId="2"/>
  </si>
  <si>
    <t>所属所在地</t>
    <phoneticPr fontId="2"/>
  </si>
  <si>
    <t>担当者連絡先</t>
    <rPh sb="3" eb="6">
      <t>レンラクサキ</t>
    </rPh>
    <phoneticPr fontId="2"/>
  </si>
  <si>
    <t>認証を受けようとする期間に関する中小規模事業者用事業活動温暖化対策計画書</t>
    <rPh sb="16" eb="18">
      <t>チュウショウ</t>
    </rPh>
    <rPh sb="18" eb="20">
      <t>キボ</t>
    </rPh>
    <rPh sb="20" eb="23">
      <t>ジギョウシャ</t>
    </rPh>
    <rPh sb="23" eb="24">
      <t>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5">
    <font>
      <sz val="12"/>
      <color theme="1"/>
      <name val="ＭＳ 明朝"/>
      <family val="2"/>
      <charset val="128"/>
    </font>
    <font>
      <sz val="12"/>
      <color theme="1"/>
      <name val="ＭＳ 明朝"/>
      <family val="2"/>
      <charset val="128"/>
    </font>
    <font>
      <sz val="6"/>
      <name val="ＭＳ 明朝"/>
      <family val="2"/>
      <charset val="128"/>
    </font>
    <font>
      <sz val="6"/>
      <name val="ＭＳ Ｐゴシック"/>
      <family val="3"/>
      <charset val="128"/>
    </font>
    <font>
      <b/>
      <sz val="9"/>
      <color indexed="81"/>
      <name val="ＭＳ Ｐゴシック"/>
      <family val="3"/>
      <charset val="128"/>
    </font>
    <font>
      <sz val="9"/>
      <color indexed="81"/>
      <name val="ＭＳ Ｐゴシック"/>
      <family val="3"/>
      <charset val="128"/>
    </font>
    <font>
      <sz val="10.5"/>
      <name val="ＭＳ 明朝"/>
      <family val="1"/>
      <charset val="128"/>
    </font>
    <font>
      <sz val="10.5"/>
      <name val="ＭＳ ゴシック"/>
      <family val="3"/>
      <charset val="128"/>
    </font>
    <font>
      <sz val="10.5"/>
      <color theme="1"/>
      <name val="ＭＳ 明朝"/>
      <family val="1"/>
      <charset val="128"/>
    </font>
    <font>
      <sz val="10.5"/>
      <color theme="1"/>
      <name val="ＭＳ 明朝"/>
      <family val="2"/>
      <charset val="128"/>
    </font>
    <font>
      <sz val="9"/>
      <color indexed="81"/>
      <name val="MS P ゴシック"/>
      <family val="3"/>
      <charset val="128"/>
    </font>
    <font>
      <sz val="9"/>
      <color rgb="FF000000"/>
      <name val="Meiryo UI"/>
      <family val="3"/>
      <charset val="128"/>
    </font>
    <font>
      <sz val="10"/>
      <name val="ＭＳ 明朝"/>
      <family val="1"/>
      <charset val="128"/>
    </font>
    <font>
      <sz val="14"/>
      <color theme="0"/>
      <name val="ＭＳ 明朝"/>
      <family val="1"/>
      <charset val="128"/>
    </font>
    <font>
      <sz val="10.5"/>
      <color theme="0"/>
      <name val="ＭＳ 明朝"/>
      <family val="1"/>
      <charset val="128"/>
    </font>
  </fonts>
  <fills count="5">
    <fill>
      <patternFill patternType="none"/>
    </fill>
    <fill>
      <patternFill patternType="gray125"/>
    </fill>
    <fill>
      <patternFill patternType="solid">
        <fgColor rgb="FFFFFF99"/>
        <bgColor indexed="64"/>
      </patternFill>
    </fill>
    <fill>
      <patternFill patternType="solid">
        <fgColor indexed="43"/>
        <bgColor indexed="64"/>
      </patternFill>
    </fill>
    <fill>
      <patternFill patternType="solid">
        <fgColor theme="4" tint="-0.499984740745262"/>
        <bgColor indexed="64"/>
      </patternFill>
    </fill>
  </fills>
  <borders count="23">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262">
    <xf numFmtId="0" fontId="0" fillId="0" borderId="0" xfId="0">
      <alignment vertical="center"/>
    </xf>
    <xf numFmtId="0" fontId="6" fillId="0" borderId="0" xfId="0" applyFont="1" applyFill="1" applyBorder="1" applyAlignment="1" applyProtection="1">
      <alignment horizontal="center" vertical="center" shrinkToFit="1"/>
    </xf>
    <xf numFmtId="176" fontId="6" fillId="3" borderId="0" xfId="0" applyNumberFormat="1" applyFont="1" applyFill="1" applyBorder="1" applyAlignment="1" applyProtection="1">
      <alignment horizontal="right" vertical="center" shrinkToFit="1"/>
      <protection locked="0"/>
    </xf>
    <xf numFmtId="0" fontId="6" fillId="0" borderId="0" xfId="0" applyFont="1" applyFill="1" applyBorder="1" applyAlignment="1" applyProtection="1">
      <alignment vertical="center" shrinkToFit="1"/>
    </xf>
    <xf numFmtId="0" fontId="6" fillId="0" borderId="0" xfId="0" applyFont="1" applyFill="1" applyAlignment="1" applyProtection="1">
      <alignment vertical="center" shrinkToFit="1"/>
    </xf>
    <xf numFmtId="0" fontId="6" fillId="0" borderId="0" xfId="0" applyFont="1" applyFill="1" applyBorder="1" applyAlignment="1" applyProtection="1">
      <alignment vertical="center"/>
    </xf>
    <xf numFmtId="0" fontId="8" fillId="0" borderId="0" xfId="0" applyFont="1" applyAlignment="1">
      <alignment vertical="center"/>
    </xf>
    <xf numFmtId="0" fontId="8" fillId="0" borderId="2" xfId="0" applyFont="1" applyBorder="1" applyAlignment="1">
      <alignment vertical="center"/>
    </xf>
    <xf numFmtId="0" fontId="9" fillId="0" borderId="0" xfId="0" applyFont="1">
      <alignment vertical="center"/>
    </xf>
    <xf numFmtId="0" fontId="9" fillId="0" borderId="1" xfId="0" applyFont="1" applyBorder="1">
      <alignment vertical="center"/>
    </xf>
    <xf numFmtId="0" fontId="9" fillId="0" borderId="2" xfId="0" applyFont="1" applyBorder="1">
      <alignment vertical="center"/>
    </xf>
    <xf numFmtId="0" fontId="9" fillId="0" borderId="4" xfId="0" applyFont="1" applyBorder="1">
      <alignment vertical="center"/>
    </xf>
    <xf numFmtId="0" fontId="8" fillId="0" borderId="8" xfId="0" applyFont="1" applyBorder="1">
      <alignment vertical="center"/>
    </xf>
    <xf numFmtId="0" fontId="8" fillId="0" borderId="0" xfId="0" applyFont="1">
      <alignment vertical="center"/>
    </xf>
    <xf numFmtId="0" fontId="8" fillId="2" borderId="7" xfId="0" applyFont="1" applyFill="1" applyBorder="1" applyAlignment="1">
      <alignment horizontal="center" vertical="center"/>
    </xf>
    <xf numFmtId="0" fontId="6" fillId="0" borderId="0" xfId="0" applyFont="1" applyFill="1" applyBorder="1" applyAlignment="1" applyProtection="1">
      <alignment horizontal="center" vertical="top" wrapText="1"/>
    </xf>
    <xf numFmtId="0" fontId="6" fillId="0" borderId="0" xfId="0" applyFont="1" applyFill="1" applyBorder="1" applyAlignment="1" applyProtection="1">
      <alignment horizontal="left"/>
    </xf>
    <xf numFmtId="0" fontId="6" fillId="0" borderId="0" xfId="0" applyFont="1" applyFill="1" applyAlignment="1" applyProtection="1">
      <alignment horizontal="center"/>
    </xf>
    <xf numFmtId="0" fontId="7" fillId="0" borderId="0" xfId="0" applyFont="1" applyFill="1" applyBorder="1" applyAlignment="1" applyProtection="1">
      <alignment horizontal="center" vertical="center"/>
    </xf>
    <xf numFmtId="0" fontId="6" fillId="0" borderId="0" xfId="0" applyFont="1" applyFill="1" applyBorder="1" applyAlignment="1" applyProtection="1">
      <alignment horizontal="left" vertical="center"/>
    </xf>
    <xf numFmtId="0" fontId="6" fillId="0" borderId="0" xfId="0" applyFont="1" applyFill="1" applyBorder="1" applyAlignment="1" applyProtection="1">
      <alignment horizontal="left" vertical="center" wrapText="1"/>
    </xf>
    <xf numFmtId="0" fontId="8" fillId="0" borderId="7" xfId="0" applyFont="1" applyFill="1" applyBorder="1" applyAlignment="1">
      <alignment horizontal="center" vertical="center"/>
    </xf>
    <xf numFmtId="0" fontId="8" fillId="0" borderId="0" xfId="0" applyFont="1" applyFill="1" applyBorder="1" applyAlignment="1">
      <alignment horizontal="center" vertical="center"/>
    </xf>
    <xf numFmtId="0" fontId="9" fillId="0" borderId="0" xfId="0" applyFont="1" applyAlignment="1">
      <alignment horizontal="center" vertical="center"/>
    </xf>
    <xf numFmtId="0" fontId="8" fillId="0" borderId="0" xfId="0" applyFont="1" applyFill="1" applyBorder="1" applyAlignment="1">
      <alignment horizontal="left" vertical="center"/>
    </xf>
    <xf numFmtId="0" fontId="8" fillId="0" borderId="0" xfId="0" applyFont="1" applyFill="1" applyBorder="1">
      <alignment vertical="center"/>
    </xf>
    <xf numFmtId="49" fontId="8" fillId="0" borderId="0" xfId="0" applyNumberFormat="1" applyFont="1" applyFill="1" applyBorder="1" applyAlignment="1">
      <alignment horizontal="left" vertical="center"/>
    </xf>
    <xf numFmtId="0" fontId="9" fillId="0" borderId="0" xfId="0" applyFont="1" applyFill="1" applyBorder="1">
      <alignment vertical="center"/>
    </xf>
    <xf numFmtId="0" fontId="9" fillId="0" borderId="0" xfId="0" applyFont="1" applyFill="1" applyBorder="1" applyAlignment="1">
      <alignment horizontal="center" vertical="center"/>
    </xf>
    <xf numFmtId="0" fontId="9" fillId="0" borderId="0" xfId="0" applyFont="1" applyFill="1" applyBorder="1" applyAlignment="1">
      <alignment horizontal="left" vertical="center" wrapText="1"/>
    </xf>
    <xf numFmtId="0" fontId="9" fillId="0" borderId="0" xfId="0" applyFont="1" applyFill="1">
      <alignment vertical="center"/>
    </xf>
    <xf numFmtId="0" fontId="9" fillId="0" borderId="0" xfId="0" applyFont="1" applyAlignment="1">
      <alignment vertical="center" wrapText="1"/>
    </xf>
    <xf numFmtId="0" fontId="8" fillId="0" borderId="0" xfId="0" applyFont="1" applyFill="1" applyBorder="1" applyAlignment="1">
      <alignment vertical="center"/>
    </xf>
    <xf numFmtId="49" fontId="8" fillId="0" borderId="0" xfId="0" applyNumberFormat="1" applyFont="1" applyFill="1" applyBorder="1" applyAlignment="1">
      <alignment vertical="center"/>
    </xf>
    <xf numFmtId="0" fontId="9" fillId="0" borderId="0" xfId="0" applyFont="1" applyFill="1" applyBorder="1" applyAlignment="1">
      <alignment horizontal="left" vertical="center"/>
    </xf>
    <xf numFmtId="0" fontId="6" fillId="0" borderId="7" xfId="0" applyFont="1" applyFill="1" applyBorder="1" applyAlignment="1" applyProtection="1">
      <alignment horizontal="left" vertical="center" wrapText="1"/>
    </xf>
    <xf numFmtId="0" fontId="6" fillId="0" borderId="8" xfId="0" applyFont="1" applyFill="1" applyBorder="1" applyAlignment="1" applyProtection="1">
      <alignment horizontal="left" vertical="center" wrapText="1"/>
    </xf>
    <xf numFmtId="0" fontId="6" fillId="0" borderId="0" xfId="0" applyFont="1" applyFill="1" applyBorder="1" applyAlignment="1" applyProtection="1">
      <alignment horizontal="left" vertical="center"/>
    </xf>
    <xf numFmtId="0" fontId="6" fillId="0" borderId="7" xfId="0" applyFont="1" applyFill="1" applyBorder="1" applyAlignment="1" applyProtection="1">
      <alignment horizontal="left" vertical="center" wrapText="1"/>
    </xf>
    <xf numFmtId="0" fontId="6" fillId="0" borderId="8" xfId="0" applyFont="1" applyFill="1" applyBorder="1" applyAlignment="1" applyProtection="1">
      <alignment horizontal="left" vertical="center" wrapText="1"/>
    </xf>
    <xf numFmtId="0" fontId="6" fillId="2" borderId="7" xfId="0" applyFont="1" applyFill="1" applyBorder="1" applyAlignment="1" applyProtection="1">
      <alignment horizontal="left" vertical="center" wrapText="1"/>
    </xf>
    <xf numFmtId="0" fontId="6" fillId="2" borderId="7" xfId="0" applyFont="1" applyFill="1" applyBorder="1" applyAlignment="1" applyProtection="1">
      <alignment horizontal="left" vertical="center" wrapText="1"/>
      <protection locked="0"/>
    </xf>
    <xf numFmtId="0" fontId="9" fillId="2" borderId="2" xfId="0" applyFont="1" applyFill="1" applyBorder="1" applyAlignment="1" applyProtection="1">
      <alignment horizontal="left" vertical="center"/>
      <protection locked="0"/>
    </xf>
    <xf numFmtId="176" fontId="6" fillId="3" borderId="0" xfId="0" applyNumberFormat="1" applyFont="1" applyFill="1" applyBorder="1" applyAlignment="1" applyProtection="1">
      <alignment horizontal="right" vertical="center" shrinkToFit="1"/>
    </xf>
    <xf numFmtId="0" fontId="9" fillId="0" borderId="0" xfId="0" applyFont="1" applyProtection="1">
      <alignment vertical="center"/>
    </xf>
    <xf numFmtId="0" fontId="8" fillId="0" borderId="0" xfId="0" applyFont="1" applyAlignment="1" applyProtection="1">
      <alignment vertical="center"/>
    </xf>
    <xf numFmtId="0" fontId="8" fillId="0" borderId="8" xfId="0" applyFont="1" applyBorder="1" applyProtection="1">
      <alignment vertical="center"/>
    </xf>
    <xf numFmtId="0" fontId="8" fillId="0" borderId="7" xfId="0" applyFont="1" applyFill="1" applyBorder="1" applyAlignment="1" applyProtection="1">
      <alignment horizontal="center" vertical="center"/>
    </xf>
    <xf numFmtId="0" fontId="8" fillId="0" borderId="2" xfId="0" applyFont="1" applyBorder="1" applyAlignment="1" applyProtection="1">
      <alignment vertical="center"/>
    </xf>
    <xf numFmtId="0" fontId="9" fillId="2" borderId="2" xfId="0" applyFont="1" applyFill="1" applyBorder="1" applyAlignment="1" applyProtection="1">
      <alignment horizontal="left" vertical="center"/>
    </xf>
    <xf numFmtId="0" fontId="9" fillId="0" borderId="2" xfId="0" applyFont="1" applyBorder="1" applyProtection="1">
      <alignment vertical="center"/>
    </xf>
    <xf numFmtId="0" fontId="9" fillId="0" borderId="4" xfId="0" applyFont="1" applyBorder="1" applyProtection="1">
      <alignment vertical="center"/>
    </xf>
    <xf numFmtId="0" fontId="9" fillId="0" borderId="1" xfId="0" applyFont="1" applyBorder="1" applyProtection="1">
      <alignment vertical="center"/>
    </xf>
    <xf numFmtId="0" fontId="8" fillId="2" borderId="7" xfId="0" applyFont="1" applyFill="1" applyBorder="1" applyAlignment="1" applyProtection="1">
      <alignment horizontal="center" vertical="center"/>
    </xf>
    <xf numFmtId="0" fontId="9" fillId="0" borderId="0" xfId="0" applyFont="1" applyProtection="1">
      <alignment vertical="center"/>
      <protection locked="0"/>
    </xf>
    <xf numFmtId="176" fontId="9" fillId="0" borderId="0" xfId="0" applyNumberFormat="1" applyFont="1" applyAlignment="1" applyProtection="1">
      <alignment horizontal="right" vertical="center"/>
      <protection locked="0"/>
    </xf>
    <xf numFmtId="176" fontId="9" fillId="0" borderId="0" xfId="0" applyNumberFormat="1" applyFont="1" applyProtection="1">
      <alignment vertical="center"/>
      <protection locked="0"/>
    </xf>
    <xf numFmtId="49" fontId="9" fillId="0" borderId="0" xfId="0" applyNumberFormat="1" applyFont="1" applyAlignment="1" applyProtection="1">
      <alignment horizontal="right" vertical="center"/>
      <protection locked="0"/>
    </xf>
    <xf numFmtId="0" fontId="9" fillId="0" borderId="0" xfId="0" applyFont="1" applyAlignment="1" applyProtection="1">
      <alignment horizontal="right" vertical="center"/>
      <protection locked="0"/>
    </xf>
    <xf numFmtId="14" fontId="9" fillId="0" borderId="0" xfId="0" applyNumberFormat="1" applyFont="1" applyAlignment="1" applyProtection="1">
      <alignment horizontal="right" vertical="center"/>
      <protection locked="0"/>
    </xf>
    <xf numFmtId="49" fontId="9" fillId="0" borderId="0" xfId="0" applyNumberFormat="1" applyFont="1" applyProtection="1">
      <alignment vertical="center"/>
      <protection locked="0"/>
    </xf>
    <xf numFmtId="38" fontId="9" fillId="0" borderId="0" xfId="0" applyNumberFormat="1" applyFont="1" applyAlignment="1" applyProtection="1">
      <alignment horizontal="right" vertical="center"/>
      <protection locked="0"/>
    </xf>
    <xf numFmtId="176" fontId="9" fillId="0" borderId="0" xfId="0" applyNumberFormat="1" applyFont="1" applyProtection="1">
      <alignment vertical="center"/>
    </xf>
    <xf numFmtId="0" fontId="13" fillId="4" borderId="0" xfId="0" applyFont="1" applyFill="1" applyAlignment="1">
      <alignment horizontal="center" vertical="center"/>
    </xf>
    <xf numFmtId="0" fontId="14" fillId="4" borderId="0" xfId="0" applyFont="1" applyFill="1" applyAlignment="1">
      <alignment horizontal="center" vertical="center"/>
    </xf>
    <xf numFmtId="0" fontId="6" fillId="0" borderId="6" xfId="0" applyFont="1" applyFill="1" applyBorder="1" applyAlignment="1" applyProtection="1">
      <alignment horizontal="left" vertical="center" wrapText="1"/>
    </xf>
    <xf numFmtId="0" fontId="6" fillId="0" borderId="7" xfId="0" applyFont="1" applyFill="1" applyBorder="1" applyAlignment="1" applyProtection="1">
      <alignment horizontal="left" vertical="center" wrapText="1"/>
    </xf>
    <xf numFmtId="0" fontId="12" fillId="0" borderId="6" xfId="0" applyFont="1" applyFill="1" applyBorder="1" applyAlignment="1" applyProtection="1">
      <alignment horizontal="center" vertical="center" wrapText="1"/>
    </xf>
    <xf numFmtId="0" fontId="12" fillId="0" borderId="7" xfId="0" applyFont="1" applyFill="1" applyBorder="1" applyAlignment="1" applyProtection="1">
      <alignment horizontal="center" vertical="center" wrapText="1"/>
    </xf>
    <xf numFmtId="0" fontId="12" fillId="0" borderId="8" xfId="0" applyFont="1" applyFill="1" applyBorder="1" applyAlignment="1" applyProtection="1">
      <alignment horizontal="center" vertical="center" wrapText="1"/>
    </xf>
    <xf numFmtId="0" fontId="6" fillId="2" borderId="6" xfId="0" applyFont="1" applyFill="1" applyBorder="1" applyAlignment="1" applyProtection="1">
      <alignment horizontal="center" vertical="center" wrapText="1"/>
      <protection locked="0"/>
    </xf>
    <xf numFmtId="0" fontId="6" fillId="2" borderId="7" xfId="0" applyFont="1" applyFill="1" applyBorder="1" applyAlignment="1" applyProtection="1">
      <alignment horizontal="center" vertical="center" wrapText="1"/>
      <protection locked="0"/>
    </xf>
    <xf numFmtId="49" fontId="6" fillId="2" borderId="7" xfId="0" applyNumberFormat="1" applyFont="1" applyFill="1" applyBorder="1" applyAlignment="1" applyProtection="1">
      <alignment horizontal="center" vertical="center" wrapText="1"/>
      <protection locked="0"/>
    </xf>
    <xf numFmtId="0" fontId="9" fillId="0" borderId="1" xfId="0" applyFont="1" applyFill="1" applyBorder="1" applyAlignment="1" applyProtection="1">
      <alignment horizontal="center" vertical="center"/>
    </xf>
    <xf numFmtId="0" fontId="9" fillId="2" borderId="1" xfId="0" applyFont="1" applyFill="1" applyBorder="1" applyAlignment="1" applyProtection="1">
      <alignment horizontal="left" vertical="center"/>
    </xf>
    <xf numFmtId="0" fontId="9" fillId="0" borderId="1" xfId="0" applyFont="1" applyBorder="1" applyAlignment="1">
      <alignment horizontal="center" vertical="center"/>
    </xf>
    <xf numFmtId="0" fontId="9" fillId="2" borderId="16" xfId="0" applyFont="1" applyFill="1" applyBorder="1" applyAlignment="1" applyProtection="1">
      <alignment horizontal="left" vertical="center" wrapText="1"/>
      <protection locked="0"/>
    </xf>
    <xf numFmtId="0" fontId="9" fillId="2" borderId="3" xfId="0" applyFont="1" applyFill="1" applyBorder="1" applyAlignment="1" applyProtection="1">
      <alignment horizontal="left" vertical="center" wrapText="1"/>
      <protection locked="0"/>
    </xf>
    <xf numFmtId="0" fontId="9" fillId="2" borderId="2" xfId="0" applyFont="1" applyFill="1" applyBorder="1" applyAlignment="1" applyProtection="1">
      <alignment horizontal="left" vertical="center" wrapText="1"/>
      <protection locked="0"/>
    </xf>
    <xf numFmtId="0" fontId="9" fillId="2" borderId="4" xfId="0" applyFont="1" applyFill="1" applyBorder="1" applyAlignment="1" applyProtection="1">
      <alignment horizontal="left" vertical="center" wrapText="1"/>
      <protection locked="0"/>
    </xf>
    <xf numFmtId="0" fontId="9" fillId="2" borderId="13" xfId="0" applyFont="1" applyFill="1" applyBorder="1" applyAlignment="1" applyProtection="1">
      <alignment horizontal="left" vertical="center" wrapText="1"/>
      <protection locked="0"/>
    </xf>
    <xf numFmtId="0" fontId="9" fillId="2" borderId="14" xfId="0" applyFont="1" applyFill="1" applyBorder="1" applyAlignment="1" applyProtection="1">
      <alignment horizontal="left" vertical="center" wrapText="1"/>
      <protection locked="0"/>
    </xf>
    <xf numFmtId="0" fontId="9" fillId="2" borderId="15" xfId="0" applyFont="1" applyFill="1" applyBorder="1" applyAlignment="1" applyProtection="1">
      <alignment horizontal="left" vertical="center" wrapText="1"/>
      <protection locked="0"/>
    </xf>
    <xf numFmtId="0" fontId="9" fillId="0" borderId="1" xfId="0" applyFont="1" applyBorder="1" applyAlignment="1" applyProtection="1">
      <alignment horizontal="center" vertical="center"/>
    </xf>
    <xf numFmtId="0" fontId="9" fillId="2" borderId="16" xfId="0" applyFont="1" applyFill="1" applyBorder="1" applyAlignment="1" applyProtection="1">
      <alignment horizontal="left" vertical="center"/>
    </xf>
    <xf numFmtId="0" fontId="9" fillId="2" borderId="3" xfId="0" applyFont="1" applyFill="1" applyBorder="1" applyAlignment="1" applyProtection="1">
      <alignment horizontal="left" vertical="center"/>
    </xf>
    <xf numFmtId="0" fontId="9" fillId="2" borderId="2" xfId="0" applyFont="1" applyFill="1" applyBorder="1" applyAlignment="1" applyProtection="1">
      <alignment horizontal="left" vertical="center"/>
    </xf>
    <xf numFmtId="0" fontId="9" fillId="2" borderId="4" xfId="0" applyFont="1" applyFill="1" applyBorder="1" applyAlignment="1" applyProtection="1">
      <alignment horizontal="left" vertical="center"/>
    </xf>
    <xf numFmtId="0" fontId="9" fillId="2" borderId="13" xfId="0" applyFont="1" applyFill="1" applyBorder="1" applyAlignment="1" applyProtection="1">
      <alignment horizontal="left" vertical="center"/>
    </xf>
    <xf numFmtId="0" fontId="9" fillId="2" borderId="14" xfId="0" applyFont="1" applyFill="1" applyBorder="1" applyAlignment="1" applyProtection="1">
      <alignment horizontal="left" vertical="center"/>
    </xf>
    <xf numFmtId="0" fontId="9" fillId="2" borderId="15" xfId="0" applyFont="1" applyFill="1" applyBorder="1" applyAlignment="1" applyProtection="1">
      <alignment horizontal="left" vertical="center"/>
    </xf>
    <xf numFmtId="49" fontId="8" fillId="2" borderId="1" xfId="0" applyNumberFormat="1" applyFont="1" applyFill="1" applyBorder="1" applyAlignment="1" applyProtection="1">
      <alignment horizontal="center" vertical="center"/>
      <protection locked="0"/>
    </xf>
    <xf numFmtId="49" fontId="8" fillId="2" borderId="6" xfId="0" applyNumberFormat="1" applyFont="1" applyFill="1" applyBorder="1" applyAlignment="1" applyProtection="1">
      <alignment horizontal="center" vertical="center"/>
      <protection locked="0"/>
    </xf>
    <xf numFmtId="49" fontId="8" fillId="2" borderId="8" xfId="0" applyNumberFormat="1" applyFont="1" applyFill="1" applyBorder="1" applyAlignment="1" applyProtection="1">
      <alignment horizontal="center" vertical="center"/>
      <protection locked="0"/>
    </xf>
    <xf numFmtId="0" fontId="9" fillId="0" borderId="1" xfId="0" applyFont="1" applyFill="1" applyBorder="1" applyAlignment="1">
      <alignment horizontal="center" vertical="center"/>
    </xf>
    <xf numFmtId="0" fontId="9" fillId="2" borderId="1" xfId="0" applyFont="1" applyFill="1" applyBorder="1" applyAlignment="1" applyProtection="1">
      <alignment horizontal="left" vertical="center" wrapText="1"/>
      <protection locked="0"/>
    </xf>
    <xf numFmtId="49" fontId="8" fillId="2" borderId="1" xfId="0" applyNumberFormat="1" applyFont="1" applyFill="1" applyBorder="1" applyAlignment="1" applyProtection="1">
      <alignment horizontal="center" vertical="center"/>
    </xf>
    <xf numFmtId="49" fontId="8" fillId="2" borderId="6" xfId="0" applyNumberFormat="1" applyFont="1" applyFill="1" applyBorder="1" applyAlignment="1" applyProtection="1">
      <alignment horizontal="center" vertical="center"/>
    </xf>
    <xf numFmtId="49" fontId="8" fillId="2" borderId="8" xfId="0" applyNumberFormat="1" applyFont="1" applyFill="1" applyBorder="1" applyAlignment="1" applyProtection="1">
      <alignment horizontal="center" vertical="center"/>
    </xf>
    <xf numFmtId="0" fontId="9" fillId="0" borderId="1" xfId="0" applyFont="1" applyBorder="1" applyAlignment="1">
      <alignment horizontal="left" vertical="center" wrapText="1"/>
    </xf>
    <xf numFmtId="49" fontId="9" fillId="2" borderId="10" xfId="0" applyNumberFormat="1" applyFont="1" applyFill="1" applyBorder="1" applyAlignment="1" applyProtection="1">
      <alignment horizontal="left" vertical="center" wrapText="1"/>
      <protection locked="0"/>
    </xf>
    <xf numFmtId="49" fontId="9" fillId="2" borderId="10" xfId="0" applyNumberFormat="1" applyFont="1" applyFill="1" applyBorder="1" applyAlignment="1" applyProtection="1">
      <alignment horizontal="left" vertical="center"/>
    </xf>
    <xf numFmtId="0" fontId="9" fillId="0" borderId="3" xfId="0" applyFont="1" applyBorder="1" applyAlignment="1">
      <alignment horizontal="left" vertical="center" wrapText="1"/>
    </xf>
    <xf numFmtId="0" fontId="9" fillId="0" borderId="2" xfId="0" applyFont="1" applyBorder="1" applyAlignment="1">
      <alignment horizontal="left" vertical="center" wrapText="1"/>
    </xf>
    <xf numFmtId="0" fontId="9" fillId="0" borderId="12" xfId="0" applyFont="1" applyBorder="1" applyAlignment="1">
      <alignment horizontal="left" vertical="center" wrapText="1"/>
    </xf>
    <xf numFmtId="0" fontId="9" fillId="0" borderId="0" xfId="0" applyFont="1" applyBorder="1" applyAlignment="1">
      <alignment horizontal="left" vertical="center" wrapText="1"/>
    </xf>
    <xf numFmtId="0" fontId="9" fillId="0" borderId="13" xfId="0" applyFont="1" applyBorder="1" applyAlignment="1">
      <alignment horizontal="left" vertical="center" wrapText="1"/>
    </xf>
    <xf numFmtId="0" fontId="9" fillId="0" borderId="14" xfId="0" applyFont="1" applyBorder="1" applyAlignment="1">
      <alignment horizontal="left" vertical="center" wrapText="1"/>
    </xf>
    <xf numFmtId="0" fontId="9" fillId="2" borderId="9" xfId="0" applyFont="1" applyFill="1" applyBorder="1" applyAlignment="1" applyProtection="1">
      <alignment horizontal="center" vertical="center"/>
      <protection locked="0"/>
    </xf>
    <xf numFmtId="0" fontId="9" fillId="2" borderId="11" xfId="0" applyFont="1" applyFill="1" applyBorder="1" applyAlignment="1" applyProtection="1">
      <alignment horizontal="center" vertical="center"/>
      <protection locked="0"/>
    </xf>
    <xf numFmtId="0" fontId="9" fillId="2" borderId="10" xfId="0" applyFont="1" applyFill="1" applyBorder="1" applyAlignment="1" applyProtection="1">
      <alignment horizontal="center" vertical="center"/>
      <protection locked="0"/>
    </xf>
    <xf numFmtId="0" fontId="9" fillId="0" borderId="4" xfId="0" applyFont="1" applyBorder="1" applyAlignment="1">
      <alignment horizontal="left" vertical="center" wrapText="1"/>
    </xf>
    <xf numFmtId="0" fontId="9" fillId="0" borderId="3" xfId="0" applyFont="1" applyBorder="1" applyAlignment="1" applyProtection="1">
      <alignment horizontal="left" vertical="center" wrapText="1"/>
    </xf>
    <xf numFmtId="0" fontId="9" fillId="0" borderId="2" xfId="0" applyFont="1" applyBorder="1" applyAlignment="1" applyProtection="1">
      <alignment horizontal="left" vertical="center" wrapText="1"/>
    </xf>
    <xf numFmtId="0" fontId="9" fillId="0" borderId="12" xfId="0" applyFont="1" applyBorder="1" applyAlignment="1" applyProtection="1">
      <alignment horizontal="left" vertical="center" wrapText="1"/>
    </xf>
    <xf numFmtId="0" fontId="9" fillId="0" borderId="0" xfId="0" applyFont="1" applyBorder="1" applyAlignment="1" applyProtection="1">
      <alignment horizontal="left" vertical="center" wrapText="1"/>
    </xf>
    <xf numFmtId="0" fontId="9" fillId="0" borderId="13" xfId="0" applyFont="1" applyBorder="1" applyAlignment="1" applyProtection="1">
      <alignment horizontal="left" vertical="center" wrapText="1"/>
    </xf>
    <xf numFmtId="0" fontId="9" fillId="0" borderId="14" xfId="0" applyFont="1" applyBorder="1" applyAlignment="1" applyProtection="1">
      <alignment horizontal="left" vertical="center" wrapText="1"/>
    </xf>
    <xf numFmtId="0" fontId="9" fillId="2" borderId="9" xfId="0" applyFont="1" applyFill="1" applyBorder="1" applyAlignment="1" applyProtection="1">
      <alignment horizontal="center" vertical="center"/>
    </xf>
    <xf numFmtId="0" fontId="9" fillId="2" borderId="11" xfId="0" applyFont="1" applyFill="1" applyBorder="1" applyAlignment="1" applyProtection="1">
      <alignment horizontal="center" vertical="center"/>
    </xf>
    <xf numFmtId="0" fontId="9" fillId="2" borderId="10" xfId="0" applyFont="1" applyFill="1" applyBorder="1" applyAlignment="1" applyProtection="1">
      <alignment horizontal="center" vertical="center"/>
    </xf>
    <xf numFmtId="0" fontId="9" fillId="0" borderId="4" xfId="0" applyFont="1" applyBorder="1" applyAlignment="1" applyProtection="1">
      <alignment horizontal="left" vertical="center" wrapText="1"/>
    </xf>
    <xf numFmtId="0" fontId="9" fillId="0" borderId="5" xfId="0" applyFont="1" applyBorder="1" applyAlignment="1">
      <alignment horizontal="left" vertical="center" wrapText="1"/>
    </xf>
    <xf numFmtId="0" fontId="9" fillId="0" borderId="5" xfId="0" applyFont="1" applyBorder="1" applyAlignment="1" applyProtection="1">
      <alignment horizontal="left" vertical="center" wrapText="1"/>
    </xf>
    <xf numFmtId="0" fontId="9" fillId="0" borderId="15" xfId="0" applyFont="1" applyBorder="1" applyAlignment="1">
      <alignment horizontal="left" vertical="center" wrapText="1"/>
    </xf>
    <xf numFmtId="0" fontId="9" fillId="0" borderId="15" xfId="0" applyFont="1" applyBorder="1" applyAlignment="1" applyProtection="1">
      <alignment horizontal="left" vertical="center" wrapText="1"/>
    </xf>
    <xf numFmtId="0" fontId="9" fillId="0" borderId="4" xfId="0" applyFont="1" applyBorder="1" applyAlignment="1" applyProtection="1">
      <alignment horizontal="center" vertical="center"/>
    </xf>
    <xf numFmtId="0" fontId="9" fillId="0" borderId="5" xfId="0" applyFont="1" applyBorder="1" applyAlignment="1" applyProtection="1">
      <alignment horizontal="center" vertical="center"/>
    </xf>
    <xf numFmtId="0" fontId="9" fillId="0" borderId="15" xfId="0" applyFont="1" applyBorder="1" applyAlignment="1" applyProtection="1">
      <alignment horizontal="center" vertical="center"/>
    </xf>
    <xf numFmtId="0" fontId="9" fillId="0" borderId="3" xfId="0" applyFont="1" applyBorder="1" applyAlignment="1" applyProtection="1">
      <alignment horizontal="center" vertical="center"/>
    </xf>
    <xf numFmtId="0" fontId="9" fillId="0" borderId="2" xfId="0" applyFont="1" applyBorder="1" applyAlignment="1" applyProtection="1">
      <alignment horizontal="center" vertical="center"/>
    </xf>
    <xf numFmtId="0" fontId="9" fillId="0" borderId="12" xfId="0" applyFont="1" applyBorder="1" applyAlignment="1" applyProtection="1">
      <alignment horizontal="center" vertical="center"/>
    </xf>
    <xf numFmtId="0" fontId="9" fillId="0" borderId="0" xfId="0" applyFont="1" applyBorder="1" applyAlignment="1" applyProtection="1">
      <alignment horizontal="center" vertical="center"/>
    </xf>
    <xf numFmtId="0" fontId="9" fillId="0" borderId="13" xfId="0" applyFont="1" applyBorder="1" applyAlignment="1" applyProtection="1">
      <alignment horizontal="center" vertical="center"/>
    </xf>
    <xf numFmtId="0" fontId="9" fillId="0" borderId="14" xfId="0" applyFont="1" applyBorder="1" applyAlignment="1" applyProtection="1">
      <alignment horizontal="center" vertical="center"/>
    </xf>
    <xf numFmtId="0" fontId="9" fillId="2" borderId="3" xfId="0" applyFont="1" applyFill="1" applyBorder="1" applyAlignment="1" applyProtection="1">
      <alignment horizontal="center" vertical="center"/>
    </xf>
    <xf numFmtId="0" fontId="9" fillId="2" borderId="2" xfId="0" applyFont="1" applyFill="1" applyBorder="1" applyAlignment="1" applyProtection="1">
      <alignment horizontal="center" vertical="center"/>
    </xf>
    <xf numFmtId="0" fontId="9" fillId="0" borderId="12" xfId="0" applyFont="1" applyBorder="1" applyAlignment="1">
      <alignment horizontal="center" vertical="center"/>
    </xf>
    <xf numFmtId="0" fontId="9" fillId="0" borderId="0" xfId="0" applyFont="1" applyBorder="1" applyAlignment="1">
      <alignment horizontal="center" vertical="center"/>
    </xf>
    <xf numFmtId="0" fontId="9" fillId="0" borderId="5" xfId="0" applyFont="1" applyBorder="1" applyAlignment="1">
      <alignment horizontal="center" vertical="center"/>
    </xf>
    <xf numFmtId="0" fontId="9" fillId="2" borderId="13" xfId="0" applyFont="1" applyFill="1" applyBorder="1" applyAlignment="1" applyProtection="1">
      <alignment horizontal="center" vertical="center"/>
      <protection locked="0"/>
    </xf>
    <xf numFmtId="0" fontId="9" fillId="2" borderId="14" xfId="0" applyFont="1" applyFill="1" applyBorder="1" applyAlignment="1" applyProtection="1">
      <alignment horizontal="center" vertical="center"/>
      <protection locked="0"/>
    </xf>
    <xf numFmtId="0" fontId="9" fillId="0" borderId="14" xfId="0" applyFont="1" applyBorder="1" applyAlignment="1">
      <alignment horizontal="center" vertical="center"/>
    </xf>
    <xf numFmtId="0" fontId="9" fillId="0" borderId="15" xfId="0" applyFont="1" applyBorder="1" applyAlignment="1">
      <alignment horizontal="center" vertical="center"/>
    </xf>
    <xf numFmtId="0" fontId="9" fillId="2" borderId="13" xfId="0" applyFont="1" applyFill="1" applyBorder="1" applyAlignment="1" applyProtection="1">
      <alignment horizontal="center" vertical="center"/>
    </xf>
    <xf numFmtId="0" fontId="9" fillId="2" borderId="14" xfId="0" applyFont="1" applyFill="1" applyBorder="1" applyAlignment="1" applyProtection="1">
      <alignment horizontal="center" vertical="center"/>
    </xf>
    <xf numFmtId="0" fontId="9" fillId="0" borderId="9" xfId="0" applyFont="1" applyBorder="1" applyAlignment="1" applyProtection="1">
      <alignment horizontal="center" vertical="center" wrapText="1"/>
    </xf>
    <xf numFmtId="0" fontId="9" fillId="0" borderId="11" xfId="0" applyFont="1" applyBorder="1" applyAlignment="1" applyProtection="1">
      <alignment horizontal="center" vertical="center" wrapText="1"/>
    </xf>
    <xf numFmtId="0" fontId="9" fillId="0" borderId="10" xfId="0" applyFont="1" applyBorder="1" applyAlignment="1" applyProtection="1">
      <alignment horizontal="center" vertical="center" wrapText="1"/>
    </xf>
    <xf numFmtId="0" fontId="9" fillId="2" borderId="12" xfId="0" applyFont="1" applyFill="1" applyBorder="1" applyAlignment="1" applyProtection="1">
      <alignment horizontal="center" vertical="center"/>
    </xf>
    <xf numFmtId="0" fontId="9" fillId="2" borderId="0" xfId="0" applyFont="1" applyFill="1" applyBorder="1" applyAlignment="1" applyProtection="1">
      <alignment horizontal="center" vertical="center"/>
    </xf>
    <xf numFmtId="0" fontId="9" fillId="2" borderId="2" xfId="0" applyFont="1" applyFill="1" applyBorder="1" applyAlignment="1" applyProtection="1">
      <alignment horizontal="center" vertical="center"/>
      <protection locked="0"/>
    </xf>
    <xf numFmtId="0" fontId="9" fillId="2" borderId="0" xfId="0" applyFont="1" applyFill="1" applyBorder="1" applyAlignment="1" applyProtection="1">
      <alignment horizontal="center" vertical="center"/>
      <protection locked="0"/>
    </xf>
    <xf numFmtId="0" fontId="9" fillId="0" borderId="4" xfId="0" applyFont="1" applyBorder="1" applyAlignment="1">
      <alignment horizontal="center" vertical="center"/>
    </xf>
    <xf numFmtId="0" fontId="9" fillId="0" borderId="3" xfId="0" applyFont="1" applyBorder="1" applyAlignment="1">
      <alignment horizontal="center" vertical="center"/>
    </xf>
    <xf numFmtId="0" fontId="9" fillId="0" borderId="2" xfId="0" applyFont="1" applyBorder="1" applyAlignment="1">
      <alignment horizontal="center" vertical="center"/>
    </xf>
    <xf numFmtId="0" fontId="9" fillId="0" borderId="13" xfId="0" applyFont="1" applyBorder="1" applyAlignment="1">
      <alignment horizontal="center" vertical="center"/>
    </xf>
    <xf numFmtId="0" fontId="9" fillId="2" borderId="3" xfId="0" applyFont="1" applyFill="1" applyBorder="1" applyAlignment="1" applyProtection="1">
      <alignment horizontal="center" vertical="center"/>
      <protection locked="0"/>
    </xf>
    <xf numFmtId="0" fontId="8" fillId="0" borderId="3" xfId="0" applyFont="1" applyBorder="1" applyAlignment="1" applyProtection="1">
      <alignment horizontal="left" vertical="center" wrapText="1"/>
    </xf>
    <xf numFmtId="0" fontId="8" fillId="0" borderId="2" xfId="0" applyFont="1" applyBorder="1" applyAlignment="1" applyProtection="1">
      <alignment horizontal="left" vertical="center" wrapText="1"/>
    </xf>
    <xf numFmtId="0" fontId="8" fillId="0" borderId="4" xfId="0" applyFont="1" applyBorder="1" applyAlignment="1" applyProtection="1">
      <alignment horizontal="left" vertical="center" wrapText="1"/>
    </xf>
    <xf numFmtId="0" fontId="8" fillId="0" borderId="12" xfId="0" applyFont="1" applyBorder="1" applyAlignment="1" applyProtection="1">
      <alignment horizontal="left" vertical="center" wrapText="1"/>
    </xf>
    <xf numFmtId="0" fontId="8" fillId="0" borderId="0" xfId="0" applyFont="1" applyBorder="1" applyAlignment="1" applyProtection="1">
      <alignment horizontal="left" vertical="center" wrapText="1"/>
    </xf>
    <xf numFmtId="0" fontId="8" fillId="0" borderId="5" xfId="0" applyFont="1" applyBorder="1" applyAlignment="1" applyProtection="1">
      <alignment horizontal="left" vertical="center" wrapText="1"/>
    </xf>
    <xf numFmtId="0" fontId="8" fillId="0" borderId="13" xfId="0" applyFont="1" applyBorder="1" applyAlignment="1" applyProtection="1">
      <alignment horizontal="left" vertical="center" wrapText="1"/>
    </xf>
    <xf numFmtId="0" fontId="8" fillId="0" borderId="14" xfId="0" applyFont="1" applyBorder="1" applyAlignment="1" applyProtection="1">
      <alignment horizontal="left" vertical="center" wrapText="1"/>
    </xf>
    <xf numFmtId="0" fontId="8" fillId="0" borderId="15" xfId="0" applyFont="1" applyBorder="1" applyAlignment="1" applyProtection="1">
      <alignment horizontal="left" vertical="center" wrapText="1"/>
    </xf>
    <xf numFmtId="0" fontId="8" fillId="0" borderId="3" xfId="0" applyFont="1" applyBorder="1" applyAlignment="1">
      <alignment horizontal="left" vertical="center" wrapText="1"/>
    </xf>
    <xf numFmtId="0" fontId="8" fillId="0" borderId="2" xfId="0" applyFont="1" applyBorder="1" applyAlignment="1">
      <alignment horizontal="left" vertical="center" wrapText="1"/>
    </xf>
    <xf numFmtId="0" fontId="8" fillId="0" borderId="4" xfId="0" applyFont="1" applyBorder="1" applyAlignment="1">
      <alignment horizontal="left" vertical="center" wrapText="1"/>
    </xf>
    <xf numFmtId="0" fontId="8" fillId="0" borderId="12" xfId="0" applyFont="1" applyBorder="1" applyAlignment="1">
      <alignment horizontal="left" vertical="center" wrapText="1"/>
    </xf>
    <xf numFmtId="0" fontId="8" fillId="0" borderId="0" xfId="0" applyFont="1" applyBorder="1" applyAlignment="1">
      <alignment horizontal="left" vertical="center" wrapText="1"/>
    </xf>
    <xf numFmtId="0" fontId="8" fillId="0" borderId="5" xfId="0" applyFont="1" applyBorder="1" applyAlignment="1">
      <alignment horizontal="left" vertical="center" wrapText="1"/>
    </xf>
    <xf numFmtId="0" fontId="8" fillId="0" borderId="13" xfId="0" applyFont="1" applyBorder="1" applyAlignment="1">
      <alignment horizontal="left" vertical="center" wrapText="1"/>
    </xf>
    <xf numFmtId="0" fontId="8" fillId="0" borderId="14" xfId="0" applyFont="1" applyBorder="1" applyAlignment="1">
      <alignment horizontal="left" vertical="center" wrapText="1"/>
    </xf>
    <xf numFmtId="0" fontId="8" fillId="0" borderId="15" xfId="0" applyFont="1" applyBorder="1" applyAlignment="1">
      <alignment horizontal="left" vertical="center" wrapText="1"/>
    </xf>
    <xf numFmtId="0" fontId="9" fillId="0" borderId="9" xfId="0" applyFont="1" applyBorder="1" applyAlignment="1">
      <alignment horizontal="center" vertical="center" wrapText="1"/>
    </xf>
    <xf numFmtId="0" fontId="9" fillId="0" borderId="11" xfId="0" applyFont="1" applyBorder="1" applyAlignment="1">
      <alignment horizontal="center" vertical="center" wrapText="1"/>
    </xf>
    <xf numFmtId="0" fontId="9" fillId="0" borderId="10" xfId="0" applyFont="1" applyBorder="1" applyAlignment="1">
      <alignment horizontal="center" vertical="center" wrapText="1"/>
    </xf>
    <xf numFmtId="0" fontId="9" fillId="2" borderId="12" xfId="0" applyFont="1" applyFill="1" applyBorder="1" applyAlignment="1" applyProtection="1">
      <alignment horizontal="center" vertical="center"/>
      <protection locked="0"/>
    </xf>
    <xf numFmtId="0" fontId="8" fillId="0" borderId="9" xfId="0" applyFont="1" applyBorder="1" applyAlignment="1">
      <alignment horizontal="center" vertical="center"/>
    </xf>
    <xf numFmtId="0" fontId="8" fillId="0" borderId="3" xfId="0" applyFont="1" applyBorder="1" applyAlignment="1">
      <alignment horizontal="center" vertical="center"/>
    </xf>
    <xf numFmtId="0" fontId="9" fillId="0" borderId="1" xfId="0" applyFont="1" applyBorder="1" applyAlignment="1" applyProtection="1">
      <alignment horizontal="left" vertical="center" wrapText="1"/>
    </xf>
    <xf numFmtId="0" fontId="8" fillId="0" borderId="9" xfId="0" applyFont="1" applyBorder="1" applyAlignment="1" applyProtection="1">
      <alignment horizontal="center" vertical="center"/>
    </xf>
    <xf numFmtId="0" fontId="8" fillId="0" borderId="3" xfId="0" applyFont="1" applyBorder="1" applyAlignment="1" applyProtection="1">
      <alignment horizontal="center" vertical="center"/>
    </xf>
    <xf numFmtId="0" fontId="8" fillId="0" borderId="10" xfId="0" applyFont="1" applyBorder="1" applyAlignment="1">
      <alignment horizontal="left" vertical="center"/>
    </xf>
    <xf numFmtId="0" fontId="8" fillId="0" borderId="10" xfId="0" applyFont="1" applyBorder="1" applyAlignment="1" applyProtection="1">
      <alignment horizontal="left" vertical="center"/>
    </xf>
    <xf numFmtId="0" fontId="8" fillId="0" borderId="2" xfId="0" applyFont="1" applyBorder="1" applyAlignment="1">
      <alignment horizontal="center" vertical="center"/>
    </xf>
    <xf numFmtId="0" fontId="8" fillId="0" borderId="4" xfId="0" applyFont="1" applyBorder="1" applyAlignment="1">
      <alignment horizontal="center" vertical="center"/>
    </xf>
    <xf numFmtId="0" fontId="8" fillId="0" borderId="13" xfId="0" applyFont="1" applyBorder="1" applyAlignment="1">
      <alignment horizontal="center" vertical="center"/>
    </xf>
    <xf numFmtId="0" fontId="8" fillId="0" borderId="14" xfId="0" applyFont="1" applyBorder="1" applyAlignment="1">
      <alignment horizontal="center" vertical="center"/>
    </xf>
    <xf numFmtId="0" fontId="8" fillId="0" borderId="15" xfId="0" applyFont="1" applyBorder="1" applyAlignment="1">
      <alignment horizontal="center" vertical="center"/>
    </xf>
    <xf numFmtId="0" fontId="8" fillId="2" borderId="17" xfId="0" applyFont="1" applyFill="1" applyBorder="1" applyAlignment="1" applyProtection="1">
      <alignment vertical="center"/>
      <protection locked="0"/>
    </xf>
    <xf numFmtId="0" fontId="8" fillId="2" borderId="18" xfId="0" applyFont="1" applyFill="1" applyBorder="1" applyAlignment="1" applyProtection="1">
      <alignment vertical="center"/>
      <protection locked="0"/>
    </xf>
    <xf numFmtId="0" fontId="8" fillId="2" borderId="19" xfId="0" applyFont="1" applyFill="1" applyBorder="1" applyAlignment="1" applyProtection="1">
      <alignment vertical="center"/>
      <protection locked="0"/>
    </xf>
    <xf numFmtId="0" fontId="8" fillId="0" borderId="2" xfId="0" applyFont="1" applyBorder="1" applyAlignment="1" applyProtection="1">
      <alignment horizontal="center" vertical="center"/>
    </xf>
    <xf numFmtId="0" fontId="8" fillId="0" borderId="4" xfId="0" applyFont="1" applyBorder="1" applyAlignment="1" applyProtection="1">
      <alignment horizontal="center" vertical="center"/>
    </xf>
    <xf numFmtId="0" fontId="8" fillId="0" borderId="13" xfId="0" applyFont="1" applyBorder="1" applyAlignment="1" applyProtection="1">
      <alignment horizontal="center" vertical="center"/>
    </xf>
    <xf numFmtId="0" fontId="8" fillId="0" borderId="14" xfId="0" applyFont="1" applyBorder="1" applyAlignment="1" applyProtection="1">
      <alignment horizontal="center" vertical="center"/>
    </xf>
    <xf numFmtId="0" fontId="8" fillId="0" borderId="15" xfId="0" applyFont="1" applyBorder="1" applyAlignment="1" applyProtection="1">
      <alignment horizontal="center" vertical="center"/>
    </xf>
    <xf numFmtId="0" fontId="8" fillId="2" borderId="17" xfId="0" applyFont="1" applyFill="1" applyBorder="1" applyAlignment="1" applyProtection="1">
      <alignment horizontal="left" vertical="center"/>
    </xf>
    <xf numFmtId="0" fontId="8" fillId="2" borderId="18" xfId="0" applyFont="1" applyFill="1" applyBorder="1" applyAlignment="1" applyProtection="1">
      <alignment horizontal="left" vertical="center"/>
    </xf>
    <xf numFmtId="0" fontId="8" fillId="2" borderId="19" xfId="0" applyFont="1" applyFill="1" applyBorder="1" applyAlignment="1" applyProtection="1">
      <alignment horizontal="left" vertical="center"/>
    </xf>
    <xf numFmtId="49" fontId="8" fillId="2" borderId="20" xfId="0" applyNumberFormat="1" applyFont="1" applyFill="1" applyBorder="1" applyAlignment="1" applyProtection="1">
      <alignment vertical="center"/>
      <protection locked="0"/>
    </xf>
    <xf numFmtId="49" fontId="8" fillId="2" borderId="21" xfId="0" applyNumberFormat="1" applyFont="1" applyFill="1" applyBorder="1" applyAlignment="1" applyProtection="1">
      <alignment vertical="center"/>
      <protection locked="0"/>
    </xf>
    <xf numFmtId="49" fontId="8" fillId="2" borderId="22" xfId="0" applyNumberFormat="1" applyFont="1" applyFill="1" applyBorder="1" applyAlignment="1" applyProtection="1">
      <alignment vertical="center"/>
      <protection locked="0"/>
    </xf>
    <xf numFmtId="49" fontId="8" fillId="2" borderId="20" xfId="0" applyNumberFormat="1" applyFont="1" applyFill="1" applyBorder="1" applyAlignment="1" applyProtection="1">
      <alignment horizontal="left" vertical="center"/>
    </xf>
    <xf numFmtId="49" fontId="8" fillId="2" borderId="21" xfId="0" applyNumberFormat="1" applyFont="1" applyFill="1" applyBorder="1" applyAlignment="1" applyProtection="1">
      <alignment horizontal="left" vertical="center"/>
    </xf>
    <xf numFmtId="49" fontId="8" fillId="2" borderId="22" xfId="0" applyNumberFormat="1" applyFont="1" applyFill="1" applyBorder="1" applyAlignment="1" applyProtection="1">
      <alignment horizontal="left" vertical="center"/>
    </xf>
    <xf numFmtId="49" fontId="8" fillId="2" borderId="7" xfId="0" applyNumberFormat="1" applyFont="1" applyFill="1" applyBorder="1" applyAlignment="1" applyProtection="1">
      <alignment horizontal="center" vertical="center"/>
      <protection locked="0"/>
    </xf>
    <xf numFmtId="0" fontId="8" fillId="0" borderId="7" xfId="0" applyFont="1" applyFill="1" applyBorder="1" applyAlignment="1">
      <alignment horizontal="center" vertical="center"/>
    </xf>
    <xf numFmtId="0" fontId="8" fillId="0" borderId="8" xfId="0" applyFont="1" applyFill="1" applyBorder="1" applyAlignment="1">
      <alignment horizontal="center" vertical="center"/>
    </xf>
    <xf numFmtId="0" fontId="8" fillId="0" borderId="1" xfId="0" applyFont="1" applyBorder="1" applyAlignment="1" applyProtection="1">
      <alignment horizontal="center" vertical="center"/>
    </xf>
    <xf numFmtId="49" fontId="8" fillId="2" borderId="7" xfId="0" applyNumberFormat="1" applyFont="1" applyFill="1" applyBorder="1" applyAlignment="1" applyProtection="1">
      <alignment horizontal="center" vertical="center"/>
    </xf>
    <xf numFmtId="0" fontId="8" fillId="0" borderId="7" xfId="0" applyFont="1" applyFill="1" applyBorder="1" applyAlignment="1" applyProtection="1">
      <alignment horizontal="center" vertical="center"/>
    </xf>
    <xf numFmtId="0" fontId="8" fillId="0" borderId="8" xfId="0" applyFont="1" applyFill="1" applyBorder="1" applyAlignment="1" applyProtection="1">
      <alignment horizontal="center" vertical="center"/>
    </xf>
    <xf numFmtId="0" fontId="8" fillId="0" borderId="1" xfId="0" applyFont="1" applyBorder="1" applyAlignment="1" applyProtection="1">
      <alignment horizontal="left" vertical="center" wrapText="1"/>
    </xf>
    <xf numFmtId="0" fontId="8" fillId="2" borderId="6" xfId="0" applyFont="1" applyFill="1" applyBorder="1" applyAlignment="1" applyProtection="1">
      <alignment horizontal="center" vertical="center"/>
    </xf>
    <xf numFmtId="0" fontId="8" fillId="2" borderId="7" xfId="0" applyFont="1" applyFill="1" applyBorder="1" applyAlignment="1" applyProtection="1">
      <alignment horizontal="center" vertical="center"/>
    </xf>
    <xf numFmtId="0" fontId="8" fillId="0" borderId="1" xfId="0" applyFont="1" applyBorder="1" applyAlignment="1">
      <alignment horizontal="center" vertical="center"/>
    </xf>
    <xf numFmtId="0" fontId="8" fillId="2" borderId="6" xfId="0" applyFont="1" applyFill="1" applyBorder="1" applyAlignment="1" applyProtection="1">
      <alignment vertical="center"/>
      <protection locked="0"/>
    </xf>
    <xf numFmtId="0" fontId="8" fillId="2" borderId="7" xfId="0" applyFont="1" applyFill="1" applyBorder="1" applyAlignment="1" applyProtection="1">
      <alignment vertical="center"/>
      <protection locked="0"/>
    </xf>
    <xf numFmtId="0" fontId="8" fillId="2" borderId="8" xfId="0" applyFont="1" applyFill="1" applyBorder="1" applyAlignment="1" applyProtection="1">
      <alignment vertical="center"/>
      <protection locked="0"/>
    </xf>
    <xf numFmtId="0" fontId="8" fillId="2" borderId="6" xfId="0" applyFont="1" applyFill="1" applyBorder="1" applyAlignment="1" applyProtection="1">
      <alignment horizontal="left" vertical="center"/>
    </xf>
    <xf numFmtId="0" fontId="8" fillId="2" borderId="7" xfId="0" applyFont="1" applyFill="1" applyBorder="1" applyAlignment="1" applyProtection="1">
      <alignment horizontal="left" vertical="center"/>
    </xf>
    <xf numFmtId="0" fontId="8" fillId="2" borderId="8" xfId="0" applyFont="1" applyFill="1" applyBorder="1" applyAlignment="1" applyProtection="1">
      <alignment horizontal="left" vertical="center"/>
    </xf>
    <xf numFmtId="0" fontId="8" fillId="0" borderId="1" xfId="0" applyFont="1" applyBorder="1" applyAlignment="1">
      <alignment horizontal="left" vertical="center" wrapText="1"/>
    </xf>
    <xf numFmtId="0" fontId="8" fillId="0" borderId="1" xfId="0" applyFont="1" applyBorder="1" applyAlignment="1">
      <alignment horizontal="left" vertical="center"/>
    </xf>
    <xf numFmtId="0" fontId="8" fillId="2" borderId="6" xfId="0" applyFont="1" applyFill="1" applyBorder="1" applyAlignment="1" applyProtection="1">
      <alignment horizontal="center" vertical="center"/>
      <protection locked="0"/>
    </xf>
    <xf numFmtId="0" fontId="8" fillId="2" borderId="7" xfId="0" applyFont="1" applyFill="1" applyBorder="1" applyAlignment="1" applyProtection="1">
      <alignment horizontal="center" vertical="center"/>
      <protection locked="0"/>
    </xf>
    <xf numFmtId="0" fontId="8" fillId="0" borderId="1" xfId="0" applyFont="1" applyBorder="1" applyAlignment="1" applyProtection="1">
      <alignment horizontal="left" vertical="center"/>
    </xf>
    <xf numFmtId="0" fontId="8" fillId="2" borderId="1" xfId="0" applyFont="1" applyFill="1" applyBorder="1" applyAlignment="1" applyProtection="1">
      <alignment horizontal="center" vertical="center"/>
    </xf>
    <xf numFmtId="0" fontId="8" fillId="0" borderId="6" xfId="0" applyFont="1" applyBorder="1" applyAlignment="1" applyProtection="1">
      <alignment horizontal="left" vertical="center"/>
    </xf>
    <xf numFmtId="0" fontId="8" fillId="0" borderId="7" xfId="0" applyFont="1" applyBorder="1" applyAlignment="1" applyProtection="1">
      <alignment horizontal="left" vertical="center"/>
    </xf>
    <xf numFmtId="0" fontId="8" fillId="0" borderId="8" xfId="0" applyFont="1" applyBorder="1" applyAlignment="1" applyProtection="1">
      <alignment horizontal="left" vertical="center"/>
    </xf>
    <xf numFmtId="0" fontId="8" fillId="2" borderId="1" xfId="0" applyFont="1" applyFill="1" applyBorder="1" applyAlignment="1">
      <alignment horizontal="center" vertical="center"/>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38" fontId="8" fillId="2" borderId="6" xfId="1" applyFont="1" applyFill="1" applyBorder="1" applyAlignment="1" applyProtection="1">
      <alignment horizontal="center" vertical="center"/>
      <protection locked="0"/>
    </xf>
    <xf numFmtId="38" fontId="8" fillId="2" borderId="7" xfId="1" applyFont="1" applyFill="1" applyBorder="1" applyAlignment="1" applyProtection="1">
      <alignment horizontal="center" vertical="center"/>
      <protection locked="0"/>
    </xf>
    <xf numFmtId="38" fontId="8" fillId="2" borderId="6" xfId="1" applyFont="1" applyFill="1" applyBorder="1" applyAlignment="1" applyProtection="1">
      <alignment horizontal="center" vertical="center"/>
    </xf>
    <xf numFmtId="38" fontId="8" fillId="2" borderId="7" xfId="1" applyFont="1" applyFill="1" applyBorder="1" applyAlignment="1" applyProtection="1">
      <alignment horizontal="center" vertical="center"/>
    </xf>
    <xf numFmtId="0" fontId="6" fillId="0" borderId="0" xfId="0" applyFont="1" applyFill="1" applyBorder="1" applyAlignment="1" applyProtection="1">
      <alignment horizontal="left" vertical="center" wrapText="1"/>
    </xf>
    <xf numFmtId="0" fontId="6" fillId="0" borderId="6" xfId="0" applyFont="1" applyFill="1" applyBorder="1" applyAlignment="1" applyProtection="1">
      <alignment horizontal="center" vertical="center" wrapText="1"/>
    </xf>
    <xf numFmtId="0" fontId="6" fillId="0" borderId="8" xfId="0" applyFont="1" applyFill="1" applyBorder="1" applyAlignment="1" applyProtection="1">
      <alignment horizontal="center" vertical="center" wrapText="1"/>
    </xf>
    <xf numFmtId="0" fontId="6" fillId="2" borderId="6" xfId="0" applyFont="1" applyFill="1" applyBorder="1" applyAlignment="1" applyProtection="1">
      <alignment horizontal="center" vertical="center" wrapText="1"/>
    </xf>
    <xf numFmtId="0" fontId="6" fillId="2" borderId="7" xfId="0" applyFont="1" applyFill="1" applyBorder="1" applyAlignment="1" applyProtection="1">
      <alignment horizontal="center" vertical="center" wrapText="1"/>
    </xf>
    <xf numFmtId="49" fontId="6" fillId="2" borderId="7" xfId="0" applyNumberFormat="1" applyFont="1" applyFill="1" applyBorder="1" applyAlignment="1" applyProtection="1">
      <alignment horizontal="center" vertical="center" wrapText="1"/>
    </xf>
    <xf numFmtId="0" fontId="6" fillId="0" borderId="0" xfId="0" applyFont="1" applyFill="1" applyBorder="1" applyAlignment="1" applyProtection="1">
      <alignment horizontal="left" vertical="center"/>
    </xf>
    <xf numFmtId="49" fontId="6" fillId="3" borderId="0" xfId="0" applyNumberFormat="1" applyFont="1" applyFill="1" applyAlignment="1" applyProtection="1">
      <alignment horizontal="left" vertical="center" shrinkToFit="1"/>
      <protection locked="0"/>
    </xf>
    <xf numFmtId="49" fontId="6" fillId="3" borderId="0" xfId="0" applyNumberFormat="1" applyFont="1" applyFill="1" applyAlignment="1" applyProtection="1">
      <alignment horizontal="left" vertical="center" shrinkToFit="1"/>
    </xf>
    <xf numFmtId="0" fontId="6" fillId="0" borderId="0" xfId="0" applyFont="1" applyFill="1" applyBorder="1" applyAlignment="1" applyProtection="1">
      <alignment horizontal="center" vertical="top" wrapText="1"/>
    </xf>
    <xf numFmtId="0" fontId="6" fillId="0" borderId="0" xfId="0" applyFont="1" applyFill="1" applyBorder="1" applyAlignment="1" applyProtection="1">
      <alignment horizontal="left"/>
    </xf>
    <xf numFmtId="0" fontId="6" fillId="0" borderId="0" xfId="0" applyFont="1" applyFill="1" applyAlignment="1" applyProtection="1">
      <alignment horizontal="center"/>
    </xf>
    <xf numFmtId="0" fontId="7" fillId="0" borderId="0" xfId="0" applyFont="1" applyFill="1" applyBorder="1" applyAlignment="1" applyProtection="1">
      <alignment horizontal="center" vertical="center"/>
    </xf>
    <xf numFmtId="0" fontId="9" fillId="0" borderId="0" xfId="0" applyFont="1" applyAlignment="1">
      <alignment horizontal="center" vertical="center"/>
    </xf>
    <xf numFmtId="0" fontId="6" fillId="0" borderId="0" xfId="0" applyFont="1" applyFill="1" applyAlignment="1" applyProtection="1">
      <alignment horizontal="left" vertical="center"/>
    </xf>
    <xf numFmtId="176" fontId="6" fillId="2" borderId="0" xfId="0" applyNumberFormat="1" applyFont="1" applyFill="1" applyAlignment="1" applyProtection="1">
      <alignment horizontal="right" vertical="center" shrinkToFit="1"/>
      <protection locked="0"/>
    </xf>
    <xf numFmtId="176" fontId="6" fillId="2" borderId="0" xfId="0" applyNumberFormat="1" applyFont="1" applyFill="1" applyAlignment="1" applyProtection="1">
      <alignment horizontal="right" vertical="center" shrinkToFit="1"/>
    </xf>
    <xf numFmtId="0" fontId="8" fillId="0" borderId="0" xfId="0" applyFont="1" applyAlignment="1">
      <alignment horizontal="left" vertical="center"/>
    </xf>
    <xf numFmtId="0" fontId="8" fillId="0" borderId="0" xfId="0" applyFont="1" applyAlignment="1" applyProtection="1">
      <alignment horizontal="left" vertical="center"/>
    </xf>
  </cellXfs>
  <cellStyles count="2">
    <cellStyle name="桁区切り" xfId="1" builtinId="6"/>
    <cellStyle name="標準" xfId="0" builtinId="0"/>
  </cellStyles>
  <dxfs count="0"/>
  <tableStyles count="0" defaultTableStyle="TableStyleMedium2"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Radio" firstButton="1" fmlaLink="$BC$10" noThreeD="1"/>
</file>

<file path=xl/ctrlProps/ctrlProp10.xml><?xml version="1.0" encoding="utf-8"?>
<formControlPr xmlns="http://schemas.microsoft.com/office/spreadsheetml/2009/9/main" objectType="Radio" noThreeD="1"/>
</file>

<file path=xl/ctrlProps/ctrlProp11.xml><?xml version="1.0" encoding="utf-8"?>
<formControlPr xmlns="http://schemas.microsoft.com/office/spreadsheetml/2009/9/main" objectType="Radio" firstButton="1" lockText="1" noThreeD="1"/>
</file>

<file path=xl/ctrlProps/ctrlProp12.xml><?xml version="1.0" encoding="utf-8"?>
<formControlPr xmlns="http://schemas.microsoft.com/office/spreadsheetml/2009/9/main" objectType="Radio" lockText="1" noThreeD="1"/>
</file>

<file path=xl/ctrlProps/ctrlProp13.xml><?xml version="1.0" encoding="utf-8"?>
<formControlPr xmlns="http://schemas.microsoft.com/office/spreadsheetml/2009/9/main" objectType="Radio" checked="Checked" lockText="1" noThreeD="1"/>
</file>

<file path=xl/ctrlProps/ctrlProp14.xml><?xml version="1.0" encoding="utf-8"?>
<formControlPr xmlns="http://schemas.microsoft.com/office/spreadsheetml/2009/9/main" objectType="Radio" lockText="1" noThreeD="1"/>
</file>

<file path=xl/ctrlProps/ctrlProp15.xml><?xml version="1.0" encoding="utf-8"?>
<formControlPr xmlns="http://schemas.microsoft.com/office/spreadsheetml/2009/9/main" objectType="Radio" lockText="1" noThreeD="1"/>
</file>

<file path=xl/ctrlProps/ctrlProp16.xml><?xml version="1.0" encoding="utf-8"?>
<formControlPr xmlns="http://schemas.microsoft.com/office/spreadsheetml/2009/9/main" objectType="Radio"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Radio"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GBox" noThreeD="1"/>
</file>

<file path=xl/ctrlProps/ctrlProp25.xml><?xml version="1.0" encoding="utf-8"?>
<formControlPr xmlns="http://schemas.microsoft.com/office/spreadsheetml/2009/9/main" objectType="GBox" noThreeD="1"/>
</file>

<file path=xl/ctrlProps/ctrlProp26.xml><?xml version="1.0" encoding="utf-8"?>
<formControlPr xmlns="http://schemas.microsoft.com/office/spreadsheetml/2009/9/main" objectType="GBox" noThreeD="1"/>
</file>

<file path=xl/ctrlProps/ctrlProp27.xml><?xml version="1.0" encoding="utf-8"?>
<formControlPr xmlns="http://schemas.microsoft.com/office/spreadsheetml/2009/9/main" objectType="Radio" checked="Checked" firstButton="1" lockText="1" noThreeD="1"/>
</file>

<file path=xl/ctrlProps/ctrlProp28.xml><?xml version="1.0" encoding="utf-8"?>
<formControlPr xmlns="http://schemas.microsoft.com/office/spreadsheetml/2009/9/main" objectType="Radio" lockText="1" noThreeD="1"/>
</file>

<file path=xl/ctrlProps/ctrlProp29.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Radio" noThreeD="1"/>
</file>

<file path=xl/ctrlProps/ctrlProp30.xml><?xml version="1.0" encoding="utf-8"?>
<formControlPr xmlns="http://schemas.microsoft.com/office/spreadsheetml/2009/9/main" objectType="Radio" lockText="1" noThreeD="1"/>
</file>

<file path=xl/ctrlProps/ctrlProp31.xml><?xml version="1.0" encoding="utf-8"?>
<formControlPr xmlns="http://schemas.microsoft.com/office/spreadsheetml/2009/9/main" objectType="GBox" noThreeD="1"/>
</file>

<file path=xl/ctrlProps/ctrlProp4.xml><?xml version="1.0" encoding="utf-8"?>
<formControlPr xmlns="http://schemas.microsoft.com/office/spreadsheetml/2009/9/main" objectType="Radio" noThreeD="1"/>
</file>

<file path=xl/ctrlProps/ctrlProp5.xml><?xml version="1.0" encoding="utf-8"?>
<formControlPr xmlns="http://schemas.microsoft.com/office/spreadsheetml/2009/9/main" objectType="Radio" firstButton="1" fmlaLink="$BC$12" noThreeD="1"/>
</file>

<file path=xl/ctrlProps/ctrlProp6.xml><?xml version="1.0" encoding="utf-8"?>
<formControlPr xmlns="http://schemas.microsoft.com/office/spreadsheetml/2009/9/main" objectType="Radio" noThreeD="1"/>
</file>

<file path=xl/ctrlProps/ctrlProp7.xml><?xml version="1.0" encoding="utf-8"?>
<formControlPr xmlns="http://schemas.microsoft.com/office/spreadsheetml/2009/9/main" objectType="Radio" noThreeD="1"/>
</file>

<file path=xl/ctrlProps/ctrlProp8.xml><?xml version="1.0" encoding="utf-8"?>
<formControlPr xmlns="http://schemas.microsoft.com/office/spreadsheetml/2009/9/main" objectType="Radio" noThreeD="1"/>
</file>

<file path=xl/ctrlProps/ctrlProp9.xml><?xml version="1.0" encoding="utf-8"?>
<formControlPr xmlns="http://schemas.microsoft.com/office/spreadsheetml/2009/9/main" objectType="Radio"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152400</xdr:colOff>
          <xdr:row>15</xdr:row>
          <xdr:rowOff>22860</xdr:rowOff>
        </xdr:from>
        <xdr:to>
          <xdr:col>9</xdr:col>
          <xdr:colOff>198120</xdr:colOff>
          <xdr:row>16</xdr:row>
          <xdr:rowOff>0</xdr:rowOff>
        </xdr:to>
        <xdr:sp macro="" textlink="">
          <xdr:nvSpPr>
            <xdr:cNvPr id="2049" name="Option Button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152400</xdr:colOff>
          <xdr:row>16</xdr:row>
          <xdr:rowOff>22860</xdr:rowOff>
        </xdr:from>
        <xdr:to>
          <xdr:col>9</xdr:col>
          <xdr:colOff>198120</xdr:colOff>
          <xdr:row>17</xdr:row>
          <xdr:rowOff>0</xdr:rowOff>
        </xdr:to>
        <xdr:sp macro="" textlink="">
          <xdr:nvSpPr>
            <xdr:cNvPr id="2050" name="Option Button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44780</xdr:colOff>
          <xdr:row>15</xdr:row>
          <xdr:rowOff>22860</xdr:rowOff>
        </xdr:from>
        <xdr:to>
          <xdr:col>17</xdr:col>
          <xdr:colOff>190500</xdr:colOff>
          <xdr:row>16</xdr:row>
          <xdr:rowOff>0</xdr:rowOff>
        </xdr:to>
        <xdr:sp macro="" textlink="">
          <xdr:nvSpPr>
            <xdr:cNvPr id="2051" name="Option Button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44780</xdr:colOff>
          <xdr:row>16</xdr:row>
          <xdr:rowOff>22860</xdr:rowOff>
        </xdr:from>
        <xdr:to>
          <xdr:col>17</xdr:col>
          <xdr:colOff>190500</xdr:colOff>
          <xdr:row>17</xdr:row>
          <xdr:rowOff>0</xdr:rowOff>
        </xdr:to>
        <xdr:sp macro="" textlink="">
          <xdr:nvSpPr>
            <xdr:cNvPr id="2052" name="Option Button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160020</xdr:colOff>
          <xdr:row>18</xdr:row>
          <xdr:rowOff>7620</xdr:rowOff>
        </xdr:from>
        <xdr:to>
          <xdr:col>9</xdr:col>
          <xdr:colOff>182880</xdr:colOff>
          <xdr:row>18</xdr:row>
          <xdr:rowOff>259080</xdr:rowOff>
        </xdr:to>
        <xdr:sp macro="" textlink="">
          <xdr:nvSpPr>
            <xdr:cNvPr id="2053" name="Option Button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160020</xdr:colOff>
          <xdr:row>19</xdr:row>
          <xdr:rowOff>22860</xdr:rowOff>
        </xdr:from>
        <xdr:to>
          <xdr:col>9</xdr:col>
          <xdr:colOff>182880</xdr:colOff>
          <xdr:row>19</xdr:row>
          <xdr:rowOff>259080</xdr:rowOff>
        </xdr:to>
        <xdr:sp macro="" textlink="">
          <xdr:nvSpPr>
            <xdr:cNvPr id="2054" name="Option Button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160020</xdr:colOff>
          <xdr:row>20</xdr:row>
          <xdr:rowOff>22860</xdr:rowOff>
        </xdr:from>
        <xdr:to>
          <xdr:col>9</xdr:col>
          <xdr:colOff>182880</xdr:colOff>
          <xdr:row>21</xdr:row>
          <xdr:rowOff>0</xdr:rowOff>
        </xdr:to>
        <xdr:sp macro="" textlink="">
          <xdr:nvSpPr>
            <xdr:cNvPr id="2055" name="Option Button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37160</xdr:colOff>
          <xdr:row>18</xdr:row>
          <xdr:rowOff>7620</xdr:rowOff>
        </xdr:from>
        <xdr:to>
          <xdr:col>17</xdr:col>
          <xdr:colOff>137160</xdr:colOff>
          <xdr:row>18</xdr:row>
          <xdr:rowOff>259080</xdr:rowOff>
        </xdr:to>
        <xdr:sp macro="" textlink="">
          <xdr:nvSpPr>
            <xdr:cNvPr id="2056" name="Option Button 8"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37160</xdr:colOff>
          <xdr:row>19</xdr:row>
          <xdr:rowOff>22860</xdr:rowOff>
        </xdr:from>
        <xdr:to>
          <xdr:col>17</xdr:col>
          <xdr:colOff>137160</xdr:colOff>
          <xdr:row>19</xdr:row>
          <xdr:rowOff>259080</xdr:rowOff>
        </xdr:to>
        <xdr:sp macro="" textlink="">
          <xdr:nvSpPr>
            <xdr:cNvPr id="2057" name="Option Button 9"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37160</xdr:colOff>
          <xdr:row>20</xdr:row>
          <xdr:rowOff>22860</xdr:rowOff>
        </xdr:from>
        <xdr:to>
          <xdr:col>17</xdr:col>
          <xdr:colOff>137160</xdr:colOff>
          <xdr:row>21</xdr:row>
          <xdr:rowOff>0</xdr:rowOff>
        </xdr:to>
        <xdr:sp macro="" textlink="">
          <xdr:nvSpPr>
            <xdr:cNvPr id="2058" name="Option Button 10"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34</xdr:col>
          <xdr:colOff>152400</xdr:colOff>
          <xdr:row>15</xdr:row>
          <xdr:rowOff>22860</xdr:rowOff>
        </xdr:from>
        <xdr:to>
          <xdr:col>35</xdr:col>
          <xdr:colOff>198120</xdr:colOff>
          <xdr:row>16</xdr:row>
          <xdr:rowOff>0</xdr:rowOff>
        </xdr:to>
        <xdr:sp macro="" textlink="">
          <xdr:nvSpPr>
            <xdr:cNvPr id="2060" name="Option Button 12"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52400</xdr:colOff>
          <xdr:row>16</xdr:row>
          <xdr:rowOff>22860</xdr:rowOff>
        </xdr:from>
        <xdr:to>
          <xdr:col>35</xdr:col>
          <xdr:colOff>198120</xdr:colOff>
          <xdr:row>17</xdr:row>
          <xdr:rowOff>0</xdr:rowOff>
        </xdr:to>
        <xdr:sp macro="" textlink="">
          <xdr:nvSpPr>
            <xdr:cNvPr id="2061" name="Option Button 13" hidden="1">
              <a:extLst>
                <a:ext uri="{63B3BB69-23CF-44E3-9099-C40C66FF867C}">
                  <a14:compatExt spid="_x0000_s2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44780</xdr:colOff>
          <xdr:row>15</xdr:row>
          <xdr:rowOff>22860</xdr:rowOff>
        </xdr:from>
        <xdr:to>
          <xdr:col>43</xdr:col>
          <xdr:colOff>190500</xdr:colOff>
          <xdr:row>16</xdr:row>
          <xdr:rowOff>0</xdr:rowOff>
        </xdr:to>
        <xdr:sp macro="" textlink="">
          <xdr:nvSpPr>
            <xdr:cNvPr id="2062" name="Option Button 14" hidden="1">
              <a:extLst>
                <a:ext uri="{63B3BB69-23CF-44E3-9099-C40C66FF867C}">
                  <a14:compatExt spid="_x0000_s2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44780</xdr:colOff>
          <xdr:row>16</xdr:row>
          <xdr:rowOff>22860</xdr:rowOff>
        </xdr:from>
        <xdr:to>
          <xdr:col>43</xdr:col>
          <xdr:colOff>190500</xdr:colOff>
          <xdr:row>17</xdr:row>
          <xdr:rowOff>0</xdr:rowOff>
        </xdr:to>
        <xdr:sp macro="" textlink="">
          <xdr:nvSpPr>
            <xdr:cNvPr id="2063" name="Option Button 15" hidden="1">
              <a:extLst>
                <a:ext uri="{63B3BB69-23CF-44E3-9099-C40C66FF867C}">
                  <a14:compatExt spid="_x0000_s2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60020</xdr:colOff>
          <xdr:row>18</xdr:row>
          <xdr:rowOff>7620</xdr:rowOff>
        </xdr:from>
        <xdr:to>
          <xdr:col>35</xdr:col>
          <xdr:colOff>182880</xdr:colOff>
          <xdr:row>18</xdr:row>
          <xdr:rowOff>259080</xdr:rowOff>
        </xdr:to>
        <xdr:sp macro="" textlink="">
          <xdr:nvSpPr>
            <xdr:cNvPr id="2064" name="Option Button 16" hidden="1">
              <a:extLst>
                <a:ext uri="{63B3BB69-23CF-44E3-9099-C40C66FF867C}">
                  <a14:compatExt spid="_x0000_s2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60020</xdr:colOff>
          <xdr:row>19</xdr:row>
          <xdr:rowOff>22860</xdr:rowOff>
        </xdr:from>
        <xdr:to>
          <xdr:col>35</xdr:col>
          <xdr:colOff>182880</xdr:colOff>
          <xdr:row>19</xdr:row>
          <xdr:rowOff>259080</xdr:rowOff>
        </xdr:to>
        <xdr:sp macro="" textlink="">
          <xdr:nvSpPr>
            <xdr:cNvPr id="2065" name="Option Button 17" hidden="1">
              <a:extLst>
                <a:ext uri="{63B3BB69-23CF-44E3-9099-C40C66FF867C}">
                  <a14:compatExt spid="_x0000_s2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60020</xdr:colOff>
          <xdr:row>20</xdr:row>
          <xdr:rowOff>22860</xdr:rowOff>
        </xdr:from>
        <xdr:to>
          <xdr:col>35</xdr:col>
          <xdr:colOff>182880</xdr:colOff>
          <xdr:row>21</xdr:row>
          <xdr:rowOff>0</xdr:rowOff>
        </xdr:to>
        <xdr:sp macro="" textlink="">
          <xdr:nvSpPr>
            <xdr:cNvPr id="2066" name="Option Button 18" hidden="1">
              <a:extLst>
                <a:ext uri="{63B3BB69-23CF-44E3-9099-C40C66FF867C}">
                  <a14:compatExt spid="_x0000_s2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37160</xdr:colOff>
          <xdr:row>18</xdr:row>
          <xdr:rowOff>7620</xdr:rowOff>
        </xdr:from>
        <xdr:to>
          <xdr:col>43</xdr:col>
          <xdr:colOff>137160</xdr:colOff>
          <xdr:row>18</xdr:row>
          <xdr:rowOff>259080</xdr:rowOff>
        </xdr:to>
        <xdr:sp macro="" textlink="">
          <xdr:nvSpPr>
            <xdr:cNvPr id="2067" name="Option Button 19" hidden="1">
              <a:extLst>
                <a:ext uri="{63B3BB69-23CF-44E3-9099-C40C66FF867C}">
                  <a14:compatExt spid="_x0000_s2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37160</xdr:colOff>
          <xdr:row>19</xdr:row>
          <xdr:rowOff>22860</xdr:rowOff>
        </xdr:from>
        <xdr:to>
          <xdr:col>43</xdr:col>
          <xdr:colOff>137160</xdr:colOff>
          <xdr:row>19</xdr:row>
          <xdr:rowOff>259080</xdr:rowOff>
        </xdr:to>
        <xdr:sp macro="" textlink="">
          <xdr:nvSpPr>
            <xdr:cNvPr id="2068" name="Option Button 20"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37160</xdr:colOff>
          <xdr:row>20</xdr:row>
          <xdr:rowOff>22860</xdr:rowOff>
        </xdr:from>
        <xdr:to>
          <xdr:col>43</xdr:col>
          <xdr:colOff>137160</xdr:colOff>
          <xdr:row>21</xdr:row>
          <xdr:rowOff>0</xdr:rowOff>
        </xdr:to>
        <xdr:sp macro="" textlink="">
          <xdr:nvSpPr>
            <xdr:cNvPr id="2069" name="Option Button 21" hidden="1">
              <a:extLst>
                <a:ext uri="{63B3BB69-23CF-44E3-9099-C40C66FF867C}">
                  <a14:compatExt spid="_x0000_s2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273478</xdr:colOff>
      <xdr:row>8</xdr:row>
      <xdr:rowOff>180697</xdr:rowOff>
    </xdr:from>
    <xdr:ext cx="2546932" cy="981354"/>
    <xdr:sp macro="" textlink="">
      <xdr:nvSpPr>
        <xdr:cNvPr id="25" name="四角形吹き出し 16"/>
        <xdr:cNvSpPr/>
      </xdr:nvSpPr>
      <xdr:spPr>
        <a:xfrm>
          <a:off x="6445678" y="2038072"/>
          <a:ext cx="2546932" cy="981354"/>
        </a:xfrm>
        <a:prstGeom prst="wedgeRectCallout">
          <a:avLst>
            <a:gd name="adj1" fmla="val -58445"/>
            <a:gd name="adj2" fmla="val -37520"/>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氏名欄</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000" b="1"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１行目</a:t>
          </a:r>
          <a:r>
            <a:rPr kumimoji="1" lang="ja-JP" altLang="en-US" sz="10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企業・団体名</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1"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２行目</a:t>
          </a:r>
          <a:r>
            <a:rPr kumimoji="1" lang="ja-JP" altLang="en-US" sz="10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代表者役職、代表者名</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を記載</a:t>
          </a:r>
          <a:endPar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900" b="1" i="0" u="sng"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押印は不要</a:t>
          </a:r>
          <a:r>
            <a:rPr kumimoji="1" lang="ja-JP" altLang="ja-JP" sz="9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です</a:t>
          </a:r>
          <a:endParaRPr kumimoji="0" lang="ja-JP"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代表者から権限を委任された方の名前で提出</a:t>
          </a:r>
          <a:endParaRPr kumimoji="1" lang="en-US"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する場合は</a:t>
          </a:r>
          <a:r>
            <a:rPr kumimoji="1" lang="ja-JP" altLang="en-US" sz="9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委任状（押印不要）を別途添付</a:t>
          </a:r>
          <a:endParaRPr kumimoji="1" lang="en-US" altLang="ja-JP" sz="9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24</xdr:col>
      <xdr:colOff>266700</xdr:colOff>
      <xdr:row>6</xdr:row>
      <xdr:rowOff>3811</xdr:rowOff>
    </xdr:from>
    <xdr:ext cx="2544185" cy="579646"/>
    <xdr:sp macro="" textlink="">
      <xdr:nvSpPr>
        <xdr:cNvPr id="26" name="四角形吹き出し 25"/>
        <xdr:cNvSpPr/>
      </xdr:nvSpPr>
      <xdr:spPr>
        <a:xfrm>
          <a:off x="6438900" y="1423036"/>
          <a:ext cx="2544185" cy="579646"/>
        </a:xfrm>
        <a:prstGeom prst="wedgeRectCallout">
          <a:avLst>
            <a:gd name="adj1" fmla="val -58600"/>
            <a:gd name="adj2" fmla="val 39797"/>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spAutoFit/>
        </a:bodyPr>
        <a:lstStyle/>
        <a:p>
          <a:pPr marL="0" marR="0" lvl="0" indent="0" algn="l" defTabSz="914400" eaLnBrk="1" fontAlgn="auto" latinLnBrk="0" hangingPunct="1">
            <a:lnSpc>
              <a:spcPts val="14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0"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ビル名は</a:t>
          </a:r>
          <a:r>
            <a:rPr kumimoji="0"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住所欄</a:t>
          </a:r>
          <a:r>
            <a:rPr kumimoji="0"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a:t>
          </a:r>
          <a:r>
            <a:rPr kumimoji="0"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２行目</a:t>
          </a:r>
          <a:r>
            <a:rPr kumimoji="0"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記載</a:t>
          </a:r>
          <a:endParaRPr kumimoji="0"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200"/>
            </a:lnSpc>
            <a:spcBef>
              <a:spcPts val="0"/>
            </a:spcBef>
            <a:spcAft>
              <a:spcPts val="0"/>
            </a:spcAft>
            <a:buClrTx/>
            <a:buSzTx/>
            <a:buFontTx/>
            <a:buNone/>
            <a:tabLst/>
            <a:defRPr/>
          </a:pPr>
          <a:r>
            <a:rPr kumimoji="0"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ビル名がない場合は２行目への記載不要）</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24</xdr:col>
      <xdr:colOff>294213</xdr:colOff>
      <xdr:row>4</xdr:row>
      <xdr:rowOff>40172</xdr:rowOff>
    </xdr:from>
    <xdr:ext cx="2535721" cy="457200"/>
    <xdr:sp macro="" textlink="">
      <xdr:nvSpPr>
        <xdr:cNvPr id="27" name="四角形吹き出し 15"/>
        <xdr:cNvSpPr/>
      </xdr:nvSpPr>
      <xdr:spPr>
        <a:xfrm>
          <a:off x="6466413" y="906947"/>
          <a:ext cx="2535721" cy="457200"/>
        </a:xfrm>
        <a:prstGeom prst="wedgeRectCallout">
          <a:avLst>
            <a:gd name="adj1" fmla="val -58593"/>
            <a:gd name="adj2" fmla="val -18488"/>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電子申請日（郵送の場合は発送日）</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を入力</a:t>
          </a:r>
          <a:endParaRPr kumimoji="1" lang="ja-JP" altLang="en-US" sz="7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mc:AlternateContent xmlns:mc="http://schemas.openxmlformats.org/markup-compatibility/2006">
    <mc:Choice xmlns:a14="http://schemas.microsoft.com/office/drawing/2010/main" Requires="a14">
      <xdr:twoCellAnchor editAs="oneCell">
        <xdr:from>
          <xdr:col>24</xdr:col>
          <xdr:colOff>327660</xdr:colOff>
          <xdr:row>4</xdr:row>
          <xdr:rowOff>0</xdr:rowOff>
        </xdr:from>
        <xdr:to>
          <xdr:col>24</xdr:col>
          <xdr:colOff>601980</xdr:colOff>
          <xdr:row>5</xdr:row>
          <xdr:rowOff>30480</xdr:rowOff>
        </xdr:to>
        <xdr:sp macro="" textlink="">
          <xdr:nvSpPr>
            <xdr:cNvPr id="2071" name="Check Box 23" hidden="1">
              <a:extLst>
                <a:ext uri="{63B3BB69-23CF-44E3-9099-C40C66FF867C}">
                  <a14:compatExt spid="_x0000_s2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327660</xdr:colOff>
          <xdr:row>5</xdr:row>
          <xdr:rowOff>259080</xdr:rowOff>
        </xdr:from>
        <xdr:to>
          <xdr:col>24</xdr:col>
          <xdr:colOff>601980</xdr:colOff>
          <xdr:row>7</xdr:row>
          <xdr:rowOff>121920</xdr:rowOff>
        </xdr:to>
        <xdr:sp macro="" textlink="">
          <xdr:nvSpPr>
            <xdr:cNvPr id="2072" name="Check Box 24" hidden="1">
              <a:extLst>
                <a:ext uri="{63B3BB69-23CF-44E3-9099-C40C66FF867C}">
                  <a14:compatExt spid="_x0000_s2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335280</xdr:colOff>
          <xdr:row>8</xdr:row>
          <xdr:rowOff>152400</xdr:rowOff>
        </xdr:from>
        <xdr:to>
          <xdr:col>24</xdr:col>
          <xdr:colOff>609600</xdr:colOff>
          <xdr:row>9</xdr:row>
          <xdr:rowOff>182880</xdr:rowOff>
        </xdr:to>
        <xdr:sp macro="" textlink="">
          <xdr:nvSpPr>
            <xdr:cNvPr id="2073" name="Check Box 25" hidden="1">
              <a:extLst>
                <a:ext uri="{63B3BB69-23CF-44E3-9099-C40C66FF867C}">
                  <a14:compatExt spid="_x0000_s2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295275</xdr:colOff>
      <xdr:row>19</xdr:row>
      <xdr:rowOff>22971</xdr:rowOff>
    </xdr:from>
    <xdr:ext cx="2527119" cy="910480"/>
    <xdr:sp macro="" textlink="">
      <xdr:nvSpPr>
        <xdr:cNvPr id="31" name="四角形吹き出し 30"/>
        <xdr:cNvSpPr/>
      </xdr:nvSpPr>
      <xdr:spPr>
        <a:xfrm>
          <a:off x="6467475" y="4413996"/>
          <a:ext cx="2527119" cy="910480"/>
        </a:xfrm>
        <a:prstGeom prst="wedgeRectCallout">
          <a:avLst>
            <a:gd name="adj1" fmla="val -60926"/>
            <a:gd name="adj2" fmla="val 28877"/>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原油換算ｴﾈﾙｷﾞｰ使用量</a:t>
          </a: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又は使用台数</a:t>
          </a: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欄</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は計画書の別紙１（又は別紙２）で算出した数値をそれぞれ記入</a:t>
          </a:r>
        </a:p>
      </xdr:txBody>
    </xdr:sp>
    <xdr:clientData/>
  </xdr:oneCellAnchor>
  <mc:AlternateContent xmlns:mc="http://schemas.openxmlformats.org/markup-compatibility/2006">
    <mc:Choice xmlns:a14="http://schemas.microsoft.com/office/drawing/2010/main" Requires="a14">
      <xdr:twoCellAnchor editAs="oneCell">
        <xdr:from>
          <xdr:col>24</xdr:col>
          <xdr:colOff>373380</xdr:colOff>
          <xdr:row>19</xdr:row>
          <xdr:rowOff>0</xdr:rowOff>
        </xdr:from>
        <xdr:to>
          <xdr:col>24</xdr:col>
          <xdr:colOff>655320</xdr:colOff>
          <xdr:row>20</xdr:row>
          <xdr:rowOff>30480</xdr:rowOff>
        </xdr:to>
        <xdr:sp macro="" textlink="">
          <xdr:nvSpPr>
            <xdr:cNvPr id="2074" name="Check Box 26" hidden="1">
              <a:extLst>
                <a:ext uri="{63B3BB69-23CF-44E3-9099-C40C66FF867C}">
                  <a14:compatExt spid="_x0000_s2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285750</xdr:colOff>
      <xdr:row>12</xdr:row>
      <xdr:rowOff>266700</xdr:rowOff>
    </xdr:from>
    <xdr:ext cx="2594497" cy="990600"/>
    <xdr:sp macro="" textlink="">
      <xdr:nvSpPr>
        <xdr:cNvPr id="33" name="四角形吹き出し 32"/>
        <xdr:cNvSpPr/>
      </xdr:nvSpPr>
      <xdr:spPr>
        <a:xfrm>
          <a:off x="6457950" y="3114675"/>
          <a:ext cx="2594497" cy="990600"/>
        </a:xfrm>
        <a:prstGeom prst="wedgeRectCallout">
          <a:avLst>
            <a:gd name="adj1" fmla="val -58109"/>
            <a:gd name="adj2" fmla="val -11219"/>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1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業種分類」及び「常時使用する従業員の数」は、オプションボタン（ラジオボタン）を選択してください。</a:t>
          </a:r>
          <a:endPar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1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業種、資本金及び従業員数から、中小企業への該当を確認します。）</a:t>
          </a:r>
        </a:p>
      </xdr:txBody>
    </xdr:sp>
    <xdr:clientData/>
  </xdr:oneCellAnchor>
  <mc:AlternateContent xmlns:mc="http://schemas.openxmlformats.org/markup-compatibility/2006">
    <mc:Choice xmlns:a14="http://schemas.microsoft.com/office/drawing/2010/main" Requires="a14">
      <xdr:twoCellAnchor editAs="oneCell">
        <xdr:from>
          <xdr:col>24</xdr:col>
          <xdr:colOff>327660</xdr:colOff>
          <xdr:row>12</xdr:row>
          <xdr:rowOff>228600</xdr:rowOff>
        </xdr:from>
        <xdr:to>
          <xdr:col>24</xdr:col>
          <xdr:colOff>601980</xdr:colOff>
          <xdr:row>14</xdr:row>
          <xdr:rowOff>99060</xdr:rowOff>
        </xdr:to>
        <xdr:sp macro="" textlink="">
          <xdr:nvSpPr>
            <xdr:cNvPr id="2075" name="Check Box 27" hidden="1">
              <a:extLst>
                <a:ext uri="{63B3BB69-23CF-44E3-9099-C40C66FF867C}">
                  <a14:compatExt spid="_x0000_s2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295275</xdr:colOff>
      <xdr:row>25</xdr:row>
      <xdr:rowOff>165846</xdr:rowOff>
    </xdr:from>
    <xdr:ext cx="2527119" cy="672354"/>
    <xdr:sp macro="" textlink="">
      <xdr:nvSpPr>
        <xdr:cNvPr id="35" name="四角形吹き出し 34"/>
        <xdr:cNvSpPr/>
      </xdr:nvSpPr>
      <xdr:spPr>
        <a:xfrm>
          <a:off x="6467475" y="6366621"/>
          <a:ext cx="2527119" cy="672354"/>
        </a:xfrm>
        <a:prstGeom prst="wedgeRectCallout">
          <a:avLst>
            <a:gd name="adj1" fmla="val -60926"/>
            <a:gd name="adj2" fmla="val -17938"/>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50</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以前（</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50</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含む）の脱炭素化目標年を記入してください。</a:t>
          </a:r>
        </a:p>
      </xdr:txBody>
    </xdr:sp>
    <xdr:clientData/>
  </xdr:oneCellAnchor>
  <mc:AlternateContent xmlns:mc="http://schemas.openxmlformats.org/markup-compatibility/2006">
    <mc:Choice xmlns:a14="http://schemas.microsoft.com/office/drawing/2010/main" Requires="a14">
      <xdr:twoCellAnchor editAs="oneCell">
        <xdr:from>
          <xdr:col>24</xdr:col>
          <xdr:colOff>373380</xdr:colOff>
          <xdr:row>25</xdr:row>
          <xdr:rowOff>144780</xdr:rowOff>
        </xdr:from>
        <xdr:to>
          <xdr:col>24</xdr:col>
          <xdr:colOff>655320</xdr:colOff>
          <xdr:row>26</xdr:row>
          <xdr:rowOff>182880</xdr:rowOff>
        </xdr:to>
        <xdr:sp macro="" textlink="">
          <xdr:nvSpPr>
            <xdr:cNvPr id="2076" name="Check Box 28" hidden="1">
              <a:extLst>
                <a:ext uri="{63B3BB69-23CF-44E3-9099-C40C66FF867C}">
                  <a14:compatExt spid="_x0000_s2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321346</xdr:colOff>
      <xdr:row>34</xdr:row>
      <xdr:rowOff>268186</xdr:rowOff>
    </xdr:from>
    <xdr:ext cx="2559881" cy="746358"/>
    <xdr:sp macro="" textlink="">
      <xdr:nvSpPr>
        <xdr:cNvPr id="37" name="四角形吹き出し 36"/>
        <xdr:cNvSpPr/>
      </xdr:nvSpPr>
      <xdr:spPr>
        <a:xfrm>
          <a:off x="6493546" y="9335986"/>
          <a:ext cx="2559881" cy="746358"/>
        </a:xfrm>
        <a:prstGeom prst="wedgeRectCallout">
          <a:avLst>
            <a:gd name="adj1" fmla="val -61225"/>
            <a:gd name="adj2" fmla="val 9029"/>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sp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電子メールアドレス欄</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記入したアドレスあてに県からのお知らせメール等を</a:t>
          </a:r>
          <a:r>
            <a:rPr kumimoji="1" lang="ja-JP"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一斉</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送信します。</a:t>
          </a:r>
          <a:r>
            <a:rPr kumimoji="1" lang="ja-JP" altLang="en-US" sz="1000" b="1" i="0" u="sng"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入力ミスには特にご注意ください！</a:t>
          </a:r>
        </a:p>
      </xdr:txBody>
    </xdr:sp>
    <xdr:clientData/>
  </xdr:oneCellAnchor>
  <mc:AlternateContent xmlns:mc="http://schemas.openxmlformats.org/markup-compatibility/2006">
    <mc:Choice xmlns:a14="http://schemas.microsoft.com/office/drawing/2010/main" Requires="a14">
      <xdr:twoCellAnchor editAs="oneCell">
        <xdr:from>
          <xdr:col>24</xdr:col>
          <xdr:colOff>365760</xdr:colOff>
          <xdr:row>34</xdr:row>
          <xdr:rowOff>236220</xdr:rowOff>
        </xdr:from>
        <xdr:to>
          <xdr:col>24</xdr:col>
          <xdr:colOff>640080</xdr:colOff>
          <xdr:row>36</xdr:row>
          <xdr:rowOff>0</xdr:rowOff>
        </xdr:to>
        <xdr:sp macro="" textlink="">
          <xdr:nvSpPr>
            <xdr:cNvPr id="2077" name="Check Box 29" hidden="1">
              <a:extLst>
                <a:ext uri="{63B3BB69-23CF-44E3-9099-C40C66FF867C}">
                  <a14:compatExt spid="_x0000_s2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0</xdr:colOff>
      <xdr:row>1</xdr:row>
      <xdr:rowOff>0</xdr:rowOff>
    </xdr:from>
    <xdr:ext cx="2305051" cy="276225"/>
    <xdr:sp macro="" textlink="">
      <xdr:nvSpPr>
        <xdr:cNvPr id="39" name="正方形/長方形 38"/>
        <xdr:cNvSpPr/>
      </xdr:nvSpPr>
      <xdr:spPr>
        <a:xfrm>
          <a:off x="6172200" y="161925"/>
          <a:ext cx="2305051" cy="276225"/>
        </a:xfrm>
        <a:prstGeom prst="rect">
          <a:avLst/>
        </a:prstGeom>
        <a:solidFill>
          <a:srgbClr val="1F497D"/>
        </a:solidFill>
        <a:ln w="25400" cap="flat" cmpd="sng" algn="ctr">
          <a:noFill/>
          <a:prstDash val="solid"/>
        </a:ln>
        <a:effectLst/>
      </xdr:spPr>
      <xdr:txBody>
        <a:bodyPr vertOverflow="clip" horzOverflow="clip" wrap="square" rtlCol="0" anchor="ctr">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rPr>
            <a:t>チェック欄　　</a:t>
          </a:r>
          <a:r>
            <a:rPr kumimoji="1" lang="ja-JP" altLang="en-US" sz="105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rPr>
            <a:t>記載例はこちら⇒</a:t>
          </a:r>
        </a:p>
      </xdr:txBody>
    </xdr:sp>
    <xdr:clientData/>
  </xdr:oneCellAnchor>
  <mc:AlternateContent xmlns:mc="http://schemas.openxmlformats.org/markup-compatibility/2006">
    <mc:Choice xmlns:a14="http://schemas.microsoft.com/office/drawing/2010/main" Requires="a14">
      <xdr:twoCellAnchor editAs="oneCell">
        <xdr:from>
          <xdr:col>32</xdr:col>
          <xdr:colOff>7620</xdr:colOff>
          <xdr:row>14</xdr:row>
          <xdr:rowOff>175260</xdr:rowOff>
        </xdr:from>
        <xdr:to>
          <xdr:col>49</xdr:col>
          <xdr:colOff>30480</xdr:colOff>
          <xdr:row>17</xdr:row>
          <xdr:rowOff>152400</xdr:rowOff>
        </xdr:to>
        <xdr:sp macro="" textlink="">
          <xdr:nvSpPr>
            <xdr:cNvPr id="2090" name="Group Box 42" hidden="1">
              <a:extLst>
                <a:ext uri="{63B3BB69-23CF-44E3-9099-C40C66FF867C}">
                  <a14:compatExt spid="_x0000_s209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4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251460</xdr:colOff>
          <xdr:row>17</xdr:row>
          <xdr:rowOff>228600</xdr:rowOff>
        </xdr:from>
        <xdr:to>
          <xdr:col>48</xdr:col>
          <xdr:colOff>236220</xdr:colOff>
          <xdr:row>21</xdr:row>
          <xdr:rowOff>175260</xdr:rowOff>
        </xdr:to>
        <xdr:sp macro="" textlink="">
          <xdr:nvSpPr>
            <xdr:cNvPr id="2091" name="Group Box 43" hidden="1">
              <a:extLst>
                <a:ext uri="{63B3BB69-23CF-44E3-9099-C40C66FF867C}">
                  <a14:compatExt spid="_x0000_s20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4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5720</xdr:colOff>
          <xdr:row>14</xdr:row>
          <xdr:rowOff>228600</xdr:rowOff>
        </xdr:from>
        <xdr:to>
          <xdr:col>21</xdr:col>
          <xdr:colOff>0</xdr:colOff>
          <xdr:row>17</xdr:row>
          <xdr:rowOff>121920</xdr:rowOff>
        </xdr:to>
        <xdr:sp macro="" textlink="">
          <xdr:nvSpPr>
            <xdr:cNvPr id="2092" name="Group Box 44" hidden="1">
              <a:extLst>
                <a:ext uri="{63B3BB69-23CF-44E3-9099-C40C66FF867C}">
                  <a14:compatExt spid="_x0000_s20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4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xdr:colOff>
          <xdr:row>17</xdr:row>
          <xdr:rowOff>228600</xdr:rowOff>
        </xdr:from>
        <xdr:to>
          <xdr:col>21</xdr:col>
          <xdr:colOff>198120</xdr:colOff>
          <xdr:row>21</xdr:row>
          <xdr:rowOff>121920</xdr:rowOff>
        </xdr:to>
        <xdr:sp macro="" textlink="">
          <xdr:nvSpPr>
            <xdr:cNvPr id="2093" name="Group Box 45" hidden="1">
              <a:extLst>
                <a:ext uri="{63B3BB69-23CF-44E3-9099-C40C66FF867C}">
                  <a14:compatExt spid="_x0000_s209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45</a:t>
              </a:r>
            </a:p>
          </xdr:txBody>
        </xdr:sp>
        <xdr:clientData/>
      </xdr:twoCellAnchor>
    </mc:Choice>
    <mc:Fallback/>
  </mc:AlternateContent>
  <xdr:oneCellAnchor>
    <xdr:from>
      <xdr:col>25</xdr:col>
      <xdr:colOff>44824</xdr:colOff>
      <xdr:row>1</xdr:row>
      <xdr:rowOff>26895</xdr:rowOff>
    </xdr:from>
    <xdr:ext cx="3615116" cy="295275"/>
    <xdr:sp macro="" textlink="">
      <xdr:nvSpPr>
        <xdr:cNvPr id="43" name="正方形/長方形 42"/>
        <xdr:cNvSpPr/>
      </xdr:nvSpPr>
      <xdr:spPr>
        <a:xfrm>
          <a:off x="9296400" y="197224"/>
          <a:ext cx="3615116" cy="295275"/>
        </a:xfrm>
        <a:prstGeom prst="rect">
          <a:avLst/>
        </a:prstGeom>
        <a:solidFill>
          <a:srgbClr val="1F497D"/>
        </a:solidFill>
        <a:ln w="25400" cap="flat" cmpd="sng" algn="ctr">
          <a:noFill/>
          <a:prstDash val="solid"/>
        </a:ln>
        <a:effectLst/>
      </xdr:spPr>
      <xdr:txBody>
        <a:bodyPr vertOverflow="clip" horzOverflow="clip" rtlCol="0" anchor="ctr">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rPr>
            <a:t>記載例</a:t>
          </a:r>
          <a:r>
            <a:rPr kumimoji="1" lang="ja-JP" altLang="en-US" sz="10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rPr>
            <a:t>　（詳しい説明は、記載の手引きをご覧ください。）</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omments" Target="../comments1.xml"/><Relationship Id="rId8" Type="http://schemas.openxmlformats.org/officeDocument/2006/relationships/ctrlProp" Target="../ctrlProps/ctrlProp5.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A1:BD43"/>
  <sheetViews>
    <sheetView showGridLines="0" tabSelected="1" view="pageBreakPreview" zoomScale="85" zoomScaleNormal="100" zoomScaleSheetLayoutView="85" workbookViewId="0">
      <selection activeCell="Y3" sqref="Y3"/>
    </sheetView>
  </sheetViews>
  <sheetFormatPr defaultColWidth="9" defaultRowHeight="13.2" outlineLevelCol="1"/>
  <cols>
    <col min="1" max="24" width="3.3984375" style="8" customWidth="1"/>
    <col min="25" max="25" width="39.5" style="30" customWidth="1"/>
    <col min="26" max="26" width="1" style="30" customWidth="1"/>
    <col min="27" max="36" width="3.3984375" style="8" customWidth="1"/>
    <col min="37" max="37" width="3.59765625" style="8" customWidth="1"/>
    <col min="38" max="50" width="3.3984375" style="8" customWidth="1"/>
    <col min="51" max="51" width="9" style="8" hidden="1" customWidth="1" outlineLevel="1"/>
    <col min="52" max="52" width="21.8984375" style="8" hidden="1" customWidth="1" outlineLevel="1"/>
    <col min="53" max="53" width="28" style="8" hidden="1" customWidth="1" outlineLevel="1"/>
    <col min="54" max="54" width="12.19921875" style="8" hidden="1" customWidth="1" outlineLevel="1"/>
    <col min="55" max="55" width="9" style="8" hidden="1" customWidth="1" outlineLevel="1"/>
    <col min="56" max="56" width="9" style="8" collapsed="1"/>
    <col min="57" max="16384" width="9" style="8"/>
  </cols>
  <sheetData>
    <row r="1" spans="1:56">
      <c r="A1" s="253" t="s">
        <v>3003</v>
      </c>
      <c r="B1" s="253"/>
      <c r="C1" s="253"/>
      <c r="D1" s="253"/>
      <c r="E1" s="253"/>
      <c r="F1" s="253"/>
      <c r="G1" s="253"/>
      <c r="H1" s="253"/>
      <c r="I1" s="253"/>
      <c r="J1" s="253"/>
      <c r="K1" s="253"/>
      <c r="L1" s="253"/>
      <c r="M1" s="253"/>
      <c r="N1" s="253"/>
      <c r="O1" s="253"/>
      <c r="P1" s="253"/>
      <c r="Q1" s="253"/>
      <c r="R1" s="253"/>
      <c r="S1" s="253"/>
      <c r="T1" s="253"/>
      <c r="U1" s="253"/>
      <c r="V1" s="253"/>
      <c r="W1" s="253"/>
      <c r="X1" s="253"/>
      <c r="Y1" s="16"/>
      <c r="Z1" s="16"/>
      <c r="AA1" s="253" t="s">
        <v>3003</v>
      </c>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BD1" s="44"/>
    </row>
    <row r="2" spans="1:56" ht="21" customHeight="1">
      <c r="A2" s="254"/>
      <c r="B2" s="254"/>
      <c r="C2" s="254"/>
      <c r="D2" s="254"/>
      <c r="E2" s="254"/>
      <c r="F2" s="254"/>
      <c r="G2" s="254"/>
      <c r="H2" s="254"/>
      <c r="I2" s="254"/>
      <c r="J2" s="254"/>
      <c r="K2" s="254"/>
      <c r="L2" s="254"/>
      <c r="M2" s="254"/>
      <c r="N2" s="254"/>
      <c r="O2" s="254"/>
      <c r="P2" s="254"/>
      <c r="Q2" s="254"/>
      <c r="R2" s="254"/>
      <c r="S2" s="254"/>
      <c r="T2" s="254"/>
      <c r="U2" s="254"/>
      <c r="V2" s="254"/>
      <c r="W2" s="254"/>
      <c r="X2" s="254"/>
      <c r="Y2" s="17"/>
      <c r="Z2" s="17"/>
      <c r="AA2" s="254"/>
      <c r="AB2" s="254"/>
      <c r="AC2" s="254"/>
      <c r="AD2" s="254"/>
      <c r="AE2" s="254"/>
      <c r="AF2" s="254"/>
      <c r="AG2" s="254"/>
      <c r="AH2" s="254"/>
      <c r="AI2" s="254"/>
      <c r="AJ2" s="254"/>
      <c r="AK2" s="254"/>
      <c r="AL2" s="254"/>
      <c r="AM2" s="254"/>
      <c r="AN2" s="254"/>
      <c r="AO2" s="254"/>
      <c r="AP2" s="254"/>
      <c r="AQ2" s="254"/>
      <c r="AR2" s="254"/>
      <c r="AS2" s="254"/>
      <c r="AT2" s="254"/>
      <c r="AU2" s="254"/>
      <c r="AV2" s="254"/>
      <c r="AW2" s="254"/>
      <c r="AX2" s="254"/>
      <c r="AZ2" s="63" t="s">
        <v>3015</v>
      </c>
      <c r="BA2" s="64"/>
      <c r="BD2" s="44"/>
    </row>
    <row r="3" spans="1:56" ht="21.75" customHeight="1">
      <c r="A3" s="255" t="s">
        <v>3004</v>
      </c>
      <c r="B3" s="255"/>
      <c r="C3" s="255"/>
      <c r="D3" s="255"/>
      <c r="E3" s="255"/>
      <c r="F3" s="255"/>
      <c r="G3" s="255"/>
      <c r="H3" s="255"/>
      <c r="I3" s="255"/>
      <c r="J3" s="255"/>
      <c r="K3" s="255"/>
      <c r="L3" s="255"/>
      <c r="M3" s="255"/>
      <c r="N3" s="255"/>
      <c r="O3" s="255"/>
      <c r="P3" s="255"/>
      <c r="Q3" s="255"/>
      <c r="R3" s="255"/>
      <c r="S3" s="255"/>
      <c r="T3" s="255"/>
      <c r="U3" s="255"/>
      <c r="V3" s="255"/>
      <c r="W3" s="255"/>
      <c r="X3" s="255"/>
      <c r="Y3" s="18"/>
      <c r="Z3" s="18"/>
      <c r="AA3" s="255" t="s">
        <v>3016</v>
      </c>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Z3" s="23" t="s">
        <v>3002</v>
      </c>
      <c r="BA3" s="256" t="s">
        <v>48</v>
      </c>
      <c r="BB3" s="256"/>
      <c r="BD3" s="44"/>
    </row>
    <row r="4" spans="1:56">
      <c r="A4" s="254"/>
      <c r="B4" s="252" t="s">
        <v>0</v>
      </c>
      <c r="C4" s="252"/>
      <c r="D4" s="252"/>
      <c r="E4" s="252"/>
      <c r="F4" s="252"/>
      <c r="G4" s="252"/>
      <c r="H4" s="252"/>
      <c r="I4" s="252"/>
      <c r="J4" s="252"/>
      <c r="K4" s="252"/>
      <c r="L4" s="252"/>
      <c r="M4" s="252"/>
      <c r="N4" s="252"/>
      <c r="O4" s="252"/>
      <c r="P4" s="252"/>
      <c r="Q4" s="252"/>
      <c r="R4" s="252"/>
      <c r="S4" s="252"/>
      <c r="T4" s="252"/>
      <c r="U4" s="252"/>
      <c r="V4" s="252"/>
      <c r="W4" s="252"/>
      <c r="X4" s="252"/>
      <c r="Y4" s="15"/>
      <c r="Z4" s="15"/>
      <c r="AA4" s="254"/>
      <c r="AB4" s="252" t="s">
        <v>0</v>
      </c>
      <c r="AC4" s="252"/>
      <c r="AD4" s="252"/>
      <c r="AE4" s="252"/>
      <c r="AF4" s="252"/>
      <c r="AG4" s="252"/>
      <c r="AH4" s="252"/>
      <c r="AI4" s="252"/>
      <c r="AJ4" s="252"/>
      <c r="AK4" s="252"/>
      <c r="AL4" s="252"/>
      <c r="AM4" s="252"/>
      <c r="AN4" s="252"/>
      <c r="AO4" s="252"/>
      <c r="AP4" s="252"/>
      <c r="AQ4" s="252"/>
      <c r="AR4" s="252"/>
      <c r="AS4" s="252"/>
      <c r="AT4" s="252"/>
      <c r="AU4" s="252"/>
      <c r="AV4" s="252"/>
      <c r="AW4" s="252"/>
      <c r="AX4" s="252"/>
      <c r="BD4" s="44"/>
    </row>
    <row r="5" spans="1:56" ht="21.75" customHeight="1">
      <c r="A5" s="254"/>
      <c r="B5" s="257"/>
      <c r="C5" s="257"/>
      <c r="D5" s="257"/>
      <c r="E5" s="257"/>
      <c r="F5" s="257"/>
      <c r="G5" s="257"/>
      <c r="H5" s="257"/>
      <c r="I5" s="257"/>
      <c r="J5" s="257"/>
      <c r="K5" s="257"/>
      <c r="L5" s="257"/>
      <c r="M5" s="257"/>
      <c r="N5" s="257"/>
      <c r="O5" s="257"/>
      <c r="P5" s="257"/>
      <c r="Q5" s="257"/>
      <c r="R5" s="258"/>
      <c r="S5" s="258"/>
      <c r="T5" s="1" t="s">
        <v>1</v>
      </c>
      <c r="U5" s="2"/>
      <c r="V5" s="1" t="s">
        <v>2</v>
      </c>
      <c r="W5" s="2"/>
      <c r="X5" s="1" t="s">
        <v>3</v>
      </c>
      <c r="Y5" s="1"/>
      <c r="Z5" s="1"/>
      <c r="AA5" s="254"/>
      <c r="AB5" s="257"/>
      <c r="AC5" s="257"/>
      <c r="AD5" s="257"/>
      <c r="AE5" s="257"/>
      <c r="AF5" s="257"/>
      <c r="AG5" s="257"/>
      <c r="AH5" s="257"/>
      <c r="AI5" s="257"/>
      <c r="AJ5" s="257"/>
      <c r="AK5" s="257"/>
      <c r="AL5" s="257"/>
      <c r="AM5" s="257"/>
      <c r="AN5" s="257"/>
      <c r="AO5" s="257"/>
      <c r="AP5" s="257"/>
      <c r="AQ5" s="257"/>
      <c r="AR5" s="259">
        <v>2028</v>
      </c>
      <c r="AS5" s="259"/>
      <c r="AT5" s="1" t="s">
        <v>1</v>
      </c>
      <c r="AU5" s="43">
        <v>5</v>
      </c>
      <c r="AV5" s="1" t="s">
        <v>2</v>
      </c>
      <c r="AW5" s="43">
        <v>1</v>
      </c>
      <c r="AX5" s="1" t="s">
        <v>3</v>
      </c>
      <c r="AZ5" s="54"/>
      <c r="BA5" s="54" t="s">
        <v>66</v>
      </c>
      <c r="BB5" s="55" t="e">
        <f>DATE(R5,U5,W5)</f>
        <v>#NUM!</v>
      </c>
      <c r="BC5" s="56"/>
      <c r="BD5" s="62"/>
    </row>
    <row r="6" spans="1:56" ht="21.75" customHeight="1">
      <c r="A6" s="254"/>
      <c r="B6" s="249" t="s">
        <v>4</v>
      </c>
      <c r="C6" s="249"/>
      <c r="D6" s="249"/>
      <c r="E6" s="249"/>
      <c r="F6" s="249"/>
      <c r="G6" s="249"/>
      <c r="H6" s="249"/>
      <c r="I6" s="249"/>
      <c r="J6" s="249"/>
      <c r="K6" s="249"/>
      <c r="L6" s="249"/>
      <c r="M6" s="249"/>
      <c r="N6" s="249"/>
      <c r="O6" s="249"/>
      <c r="P6" s="249"/>
      <c r="Q6" s="249"/>
      <c r="R6" s="249"/>
      <c r="S6" s="249"/>
      <c r="T6" s="249"/>
      <c r="U6" s="249"/>
      <c r="V6" s="249"/>
      <c r="W6" s="249"/>
      <c r="X6" s="249"/>
      <c r="Y6" s="19"/>
      <c r="Z6" s="19"/>
      <c r="AA6" s="254"/>
      <c r="AB6" s="249" t="s">
        <v>4</v>
      </c>
      <c r="AC6" s="249"/>
      <c r="AD6" s="249"/>
      <c r="AE6" s="249"/>
      <c r="AF6" s="249"/>
      <c r="AG6" s="249"/>
      <c r="AH6" s="249"/>
      <c r="AI6" s="249"/>
      <c r="AJ6" s="249"/>
      <c r="AK6" s="249"/>
      <c r="AL6" s="249"/>
      <c r="AM6" s="249"/>
      <c r="AN6" s="249"/>
      <c r="AO6" s="249"/>
      <c r="AP6" s="249"/>
      <c r="AQ6" s="249"/>
      <c r="AR6" s="249"/>
      <c r="AS6" s="249"/>
      <c r="AT6" s="249"/>
      <c r="AU6" s="249"/>
      <c r="AV6" s="249"/>
      <c r="AW6" s="249"/>
      <c r="AX6" s="249"/>
      <c r="AZ6" s="54"/>
      <c r="BA6" s="54" t="s">
        <v>5</v>
      </c>
      <c r="BB6" s="57">
        <f>M8</f>
        <v>0</v>
      </c>
      <c r="BC6" s="54"/>
      <c r="BD6" s="44"/>
    </row>
    <row r="7" spans="1:56">
      <c r="A7" s="254"/>
      <c r="B7" s="19"/>
      <c r="C7" s="19"/>
      <c r="D7" s="19"/>
      <c r="E7" s="19"/>
      <c r="F7" s="19"/>
      <c r="G7" s="19"/>
      <c r="H7" s="19"/>
      <c r="I7" s="19"/>
      <c r="J7" s="19"/>
      <c r="K7" s="19"/>
      <c r="L7" s="19"/>
      <c r="M7" s="19"/>
      <c r="N7" s="19"/>
      <c r="O7" s="19"/>
      <c r="P7" s="19"/>
      <c r="Q7" s="19"/>
      <c r="R7" s="19"/>
      <c r="S7" s="19"/>
      <c r="T7" s="19"/>
      <c r="U7" s="19"/>
      <c r="V7" s="19"/>
      <c r="W7" s="19"/>
      <c r="X7" s="19"/>
      <c r="Y7" s="19"/>
      <c r="Z7" s="19"/>
      <c r="AA7" s="254"/>
      <c r="AB7" s="37"/>
      <c r="AC7" s="37"/>
      <c r="AD7" s="37"/>
      <c r="AE7" s="37"/>
      <c r="AF7" s="37"/>
      <c r="AG7" s="37"/>
      <c r="AH7" s="37"/>
      <c r="AI7" s="37"/>
      <c r="AJ7" s="37"/>
      <c r="AK7" s="37"/>
      <c r="AL7" s="37"/>
      <c r="AM7" s="37"/>
      <c r="AN7" s="37"/>
      <c r="AO7" s="37"/>
      <c r="AP7" s="37"/>
      <c r="AQ7" s="37"/>
      <c r="AR7" s="37"/>
      <c r="AS7" s="37"/>
      <c r="AT7" s="37"/>
      <c r="AU7" s="37"/>
      <c r="AV7" s="37"/>
      <c r="AW7" s="37"/>
      <c r="AX7" s="37"/>
      <c r="AZ7" s="54"/>
      <c r="BA7" s="58" t="s">
        <v>49</v>
      </c>
      <c r="BB7" s="57">
        <f>M9</f>
        <v>0</v>
      </c>
      <c r="BC7" s="54"/>
      <c r="BD7" s="44"/>
    </row>
    <row r="8" spans="1:56" ht="21.75" customHeight="1">
      <c r="A8" s="254"/>
      <c r="C8" s="5"/>
      <c r="D8" s="5"/>
      <c r="E8" s="249" t="s">
        <v>5</v>
      </c>
      <c r="F8" s="249"/>
      <c r="G8" s="249"/>
      <c r="H8" s="249"/>
      <c r="I8" s="249"/>
      <c r="J8" s="249"/>
      <c r="K8" s="249"/>
      <c r="L8" s="249"/>
      <c r="M8" s="250"/>
      <c r="N8" s="250"/>
      <c r="O8" s="250"/>
      <c r="P8" s="250"/>
      <c r="Q8" s="250"/>
      <c r="R8" s="250"/>
      <c r="S8" s="250"/>
      <c r="T8" s="250"/>
      <c r="U8" s="250"/>
      <c r="V8" s="250"/>
      <c r="W8" s="250"/>
      <c r="X8" s="3"/>
      <c r="Y8" s="3"/>
      <c r="Z8" s="3"/>
      <c r="AA8" s="254"/>
      <c r="AB8" s="44"/>
      <c r="AC8" s="5"/>
      <c r="AD8" s="5"/>
      <c r="AE8" s="249" t="s">
        <v>5</v>
      </c>
      <c r="AF8" s="249"/>
      <c r="AG8" s="249"/>
      <c r="AH8" s="249"/>
      <c r="AI8" s="249"/>
      <c r="AJ8" s="249"/>
      <c r="AK8" s="249"/>
      <c r="AL8" s="249"/>
      <c r="AM8" s="251" t="s">
        <v>2987</v>
      </c>
      <c r="AN8" s="251"/>
      <c r="AO8" s="251"/>
      <c r="AP8" s="251"/>
      <c r="AQ8" s="251"/>
      <c r="AR8" s="251"/>
      <c r="AS8" s="251"/>
      <c r="AT8" s="251"/>
      <c r="AU8" s="251"/>
      <c r="AV8" s="251"/>
      <c r="AW8" s="251"/>
      <c r="AX8" s="3"/>
      <c r="AZ8" s="54"/>
      <c r="BA8" s="54" t="s">
        <v>6</v>
      </c>
      <c r="BB8" s="57">
        <f>M10</f>
        <v>0</v>
      </c>
      <c r="BC8" s="54"/>
      <c r="BD8" s="44"/>
    </row>
    <row r="9" spans="1:56" ht="21.75" customHeight="1">
      <c r="A9" s="254"/>
      <c r="B9" s="5"/>
      <c r="C9" s="5"/>
      <c r="D9" s="5"/>
      <c r="E9" s="249"/>
      <c r="F9" s="249"/>
      <c r="G9" s="249"/>
      <c r="H9" s="249"/>
      <c r="I9" s="249"/>
      <c r="J9" s="249"/>
      <c r="K9" s="249"/>
      <c r="L9" s="249"/>
      <c r="M9" s="250"/>
      <c r="N9" s="250"/>
      <c r="O9" s="250"/>
      <c r="P9" s="250"/>
      <c r="Q9" s="250"/>
      <c r="R9" s="250"/>
      <c r="S9" s="250"/>
      <c r="T9" s="250"/>
      <c r="U9" s="250"/>
      <c r="V9" s="250"/>
      <c r="W9" s="250"/>
      <c r="X9" s="3"/>
      <c r="Y9" s="3"/>
      <c r="Z9" s="3"/>
      <c r="AA9" s="254"/>
      <c r="AB9" s="5"/>
      <c r="AC9" s="5"/>
      <c r="AD9" s="5"/>
      <c r="AE9" s="249"/>
      <c r="AF9" s="249"/>
      <c r="AG9" s="249"/>
      <c r="AH9" s="249"/>
      <c r="AI9" s="249"/>
      <c r="AJ9" s="249"/>
      <c r="AK9" s="249"/>
      <c r="AL9" s="249"/>
      <c r="AM9" s="251" t="s">
        <v>2988</v>
      </c>
      <c r="AN9" s="251"/>
      <c r="AO9" s="251"/>
      <c r="AP9" s="251"/>
      <c r="AQ9" s="251"/>
      <c r="AR9" s="251"/>
      <c r="AS9" s="251"/>
      <c r="AT9" s="251"/>
      <c r="AU9" s="251"/>
      <c r="AV9" s="251"/>
      <c r="AW9" s="251"/>
      <c r="AX9" s="3"/>
      <c r="AZ9" s="54"/>
      <c r="BA9" s="54" t="s">
        <v>7</v>
      </c>
      <c r="BB9" s="57">
        <f>M11</f>
        <v>0</v>
      </c>
      <c r="BC9" s="54"/>
      <c r="BD9" s="44"/>
    </row>
    <row r="10" spans="1:56" ht="21.75" customHeight="1">
      <c r="A10" s="254"/>
      <c r="C10" s="5"/>
      <c r="D10" s="5"/>
      <c r="E10" s="249" t="s">
        <v>6</v>
      </c>
      <c r="F10" s="249"/>
      <c r="G10" s="249"/>
      <c r="H10" s="249"/>
      <c r="I10" s="249"/>
      <c r="J10" s="249"/>
      <c r="K10" s="249"/>
      <c r="L10" s="249"/>
      <c r="M10" s="250"/>
      <c r="N10" s="250"/>
      <c r="O10" s="250"/>
      <c r="P10" s="250"/>
      <c r="Q10" s="250"/>
      <c r="R10" s="250"/>
      <c r="S10" s="250"/>
      <c r="T10" s="250"/>
      <c r="U10" s="250"/>
      <c r="V10" s="250"/>
      <c r="W10" s="250"/>
      <c r="X10" s="4"/>
      <c r="Y10" s="4"/>
      <c r="Z10" s="4"/>
      <c r="AA10" s="254"/>
      <c r="AB10" s="44"/>
      <c r="AC10" s="5"/>
      <c r="AD10" s="5"/>
      <c r="AE10" s="249" t="s">
        <v>6</v>
      </c>
      <c r="AF10" s="249"/>
      <c r="AG10" s="249"/>
      <c r="AH10" s="249"/>
      <c r="AI10" s="249"/>
      <c r="AJ10" s="249"/>
      <c r="AK10" s="249"/>
      <c r="AL10" s="249"/>
      <c r="AM10" s="251" t="s">
        <v>2989</v>
      </c>
      <c r="AN10" s="251"/>
      <c r="AO10" s="251"/>
      <c r="AP10" s="251"/>
      <c r="AQ10" s="251"/>
      <c r="AR10" s="251"/>
      <c r="AS10" s="251"/>
      <c r="AT10" s="251"/>
      <c r="AU10" s="251"/>
      <c r="AV10" s="251"/>
      <c r="AW10" s="251"/>
      <c r="AX10" s="4"/>
      <c r="AZ10" s="54"/>
      <c r="BA10" s="54" t="s">
        <v>3012</v>
      </c>
      <c r="BB10" s="59" t="e">
        <f>DATE(L15,O15,Q15)</f>
        <v>#NUM!</v>
      </c>
      <c r="BC10" s="58">
        <v>0</v>
      </c>
      <c r="BD10" s="44"/>
    </row>
    <row r="11" spans="1:56" ht="21.75" customHeight="1">
      <c r="A11" s="254"/>
      <c r="C11" s="6"/>
      <c r="D11" s="6"/>
      <c r="E11" s="260" t="s">
        <v>7</v>
      </c>
      <c r="F11" s="260"/>
      <c r="G11" s="260"/>
      <c r="H11" s="260"/>
      <c r="I11" s="260"/>
      <c r="J11" s="260"/>
      <c r="K11" s="260"/>
      <c r="L11" s="260"/>
      <c r="M11" s="250"/>
      <c r="N11" s="250"/>
      <c r="O11" s="250"/>
      <c r="P11" s="250"/>
      <c r="Q11" s="250"/>
      <c r="R11" s="250"/>
      <c r="S11" s="250"/>
      <c r="T11" s="250"/>
      <c r="U11" s="250"/>
      <c r="V11" s="250"/>
      <c r="W11" s="250"/>
      <c r="X11" s="1"/>
      <c r="Y11" s="1"/>
      <c r="Z11" s="1"/>
      <c r="AA11" s="254"/>
      <c r="AB11" s="44"/>
      <c r="AC11" s="45"/>
      <c r="AD11" s="45"/>
      <c r="AE11" s="261" t="s">
        <v>7</v>
      </c>
      <c r="AF11" s="261"/>
      <c r="AG11" s="261"/>
      <c r="AH11" s="261"/>
      <c r="AI11" s="261"/>
      <c r="AJ11" s="261"/>
      <c r="AK11" s="261"/>
      <c r="AL11" s="261"/>
      <c r="AM11" s="251" t="s">
        <v>2990</v>
      </c>
      <c r="AN11" s="251"/>
      <c r="AO11" s="251"/>
      <c r="AP11" s="251"/>
      <c r="AQ11" s="251"/>
      <c r="AR11" s="251"/>
      <c r="AS11" s="251"/>
      <c r="AT11" s="251"/>
      <c r="AU11" s="251"/>
      <c r="AV11" s="251"/>
      <c r="AW11" s="251"/>
      <c r="AX11" s="1"/>
      <c r="AZ11" s="54"/>
      <c r="BA11" s="54" t="s">
        <v>3013</v>
      </c>
      <c r="BB11" s="60">
        <f>V15</f>
        <v>0</v>
      </c>
      <c r="BC11" s="54"/>
      <c r="BD11" s="44"/>
    </row>
    <row r="12" spans="1:56">
      <c r="A12" s="254"/>
      <c r="B12" s="252"/>
      <c r="C12" s="252"/>
      <c r="D12" s="252"/>
      <c r="E12" s="252"/>
      <c r="F12" s="252"/>
      <c r="G12" s="252"/>
      <c r="H12" s="252"/>
      <c r="I12" s="252"/>
      <c r="J12" s="252"/>
      <c r="K12" s="252"/>
      <c r="L12" s="252"/>
      <c r="M12" s="252"/>
      <c r="N12" s="252"/>
      <c r="O12" s="252"/>
      <c r="P12" s="252"/>
      <c r="Q12" s="252"/>
      <c r="R12" s="252"/>
      <c r="S12" s="252"/>
      <c r="T12" s="252"/>
      <c r="U12" s="252"/>
      <c r="V12" s="252"/>
      <c r="W12" s="252"/>
      <c r="X12" s="252"/>
      <c r="Y12" s="15"/>
      <c r="Z12" s="15"/>
      <c r="AA12" s="254"/>
      <c r="AB12" s="252"/>
      <c r="AC12" s="252"/>
      <c r="AD12" s="252"/>
      <c r="AE12" s="252"/>
      <c r="AF12" s="252"/>
      <c r="AG12" s="252"/>
      <c r="AH12" s="252"/>
      <c r="AI12" s="252"/>
      <c r="AJ12" s="252"/>
      <c r="AK12" s="252"/>
      <c r="AL12" s="252"/>
      <c r="AM12" s="252"/>
      <c r="AN12" s="252"/>
      <c r="AO12" s="252"/>
      <c r="AP12" s="252"/>
      <c r="AQ12" s="252"/>
      <c r="AR12" s="252"/>
      <c r="AS12" s="252"/>
      <c r="AT12" s="252"/>
      <c r="AU12" s="252"/>
      <c r="AV12" s="252"/>
      <c r="AW12" s="252"/>
      <c r="AX12" s="252"/>
      <c r="AZ12" s="54"/>
      <c r="BA12" s="54" t="s">
        <v>50</v>
      </c>
      <c r="BB12" s="58" t="b">
        <f>IF(BC10=1,K16,IF(BC10=2,K17,IF(BC10=3,S16,IF(BC10=4,S17))))</f>
        <v>0</v>
      </c>
      <c r="BC12" s="54">
        <v>0</v>
      </c>
      <c r="BD12" s="44"/>
    </row>
    <row r="13" spans="1:56" ht="21.75" customHeight="1">
      <c r="A13" s="254"/>
      <c r="B13" s="243" t="s">
        <v>3005</v>
      </c>
      <c r="C13" s="243"/>
      <c r="D13" s="243"/>
      <c r="E13" s="243"/>
      <c r="F13" s="243"/>
      <c r="G13" s="243"/>
      <c r="H13" s="243"/>
      <c r="I13" s="243"/>
      <c r="J13" s="243"/>
      <c r="K13" s="243"/>
      <c r="L13" s="243"/>
      <c r="M13" s="243"/>
      <c r="N13" s="243"/>
      <c r="O13" s="243"/>
      <c r="P13" s="243"/>
      <c r="Q13" s="243"/>
      <c r="R13" s="243"/>
      <c r="S13" s="243"/>
      <c r="T13" s="243"/>
      <c r="U13" s="243"/>
      <c r="V13" s="243"/>
      <c r="W13" s="243"/>
      <c r="X13" s="243"/>
      <c r="Y13" s="20"/>
      <c r="Z13" s="20"/>
      <c r="AA13" s="254"/>
      <c r="AB13" s="243" t="s">
        <v>8</v>
      </c>
      <c r="AC13" s="243"/>
      <c r="AD13" s="243"/>
      <c r="AE13" s="243"/>
      <c r="AF13" s="243"/>
      <c r="AG13" s="243"/>
      <c r="AH13" s="243"/>
      <c r="AI13" s="243"/>
      <c r="AJ13" s="243"/>
      <c r="AK13" s="243"/>
      <c r="AL13" s="243"/>
      <c r="AM13" s="243"/>
      <c r="AN13" s="243"/>
      <c r="AO13" s="243"/>
      <c r="AP13" s="243"/>
      <c r="AQ13" s="243"/>
      <c r="AR13" s="243"/>
      <c r="AS13" s="243"/>
      <c r="AT13" s="243"/>
      <c r="AU13" s="243"/>
      <c r="AV13" s="243"/>
      <c r="AW13" s="243"/>
      <c r="AX13" s="243"/>
      <c r="AZ13" s="54" t="s">
        <v>3014</v>
      </c>
      <c r="BA13" s="54" t="s">
        <v>52</v>
      </c>
      <c r="BB13" s="61">
        <f>I18</f>
        <v>0</v>
      </c>
      <c r="BC13" s="54"/>
      <c r="BD13" s="44"/>
    </row>
    <row r="14" spans="1:56">
      <c r="B14" s="243"/>
      <c r="C14" s="243"/>
      <c r="D14" s="243"/>
      <c r="E14" s="243"/>
      <c r="F14" s="243"/>
      <c r="G14" s="243"/>
      <c r="H14" s="243"/>
      <c r="I14" s="243"/>
      <c r="J14" s="243"/>
      <c r="K14" s="243"/>
      <c r="L14" s="243"/>
      <c r="M14" s="243"/>
      <c r="N14" s="243"/>
      <c r="O14" s="243"/>
      <c r="P14" s="243"/>
      <c r="Q14" s="243"/>
      <c r="R14" s="243"/>
      <c r="S14" s="243"/>
      <c r="T14" s="243"/>
      <c r="U14" s="243"/>
      <c r="V14" s="243"/>
      <c r="W14" s="243"/>
      <c r="X14" s="243"/>
      <c r="Y14" s="20"/>
      <c r="Z14" s="20"/>
      <c r="AA14" s="44"/>
      <c r="AB14" s="243"/>
      <c r="AC14" s="243"/>
      <c r="AD14" s="243"/>
      <c r="AE14" s="243"/>
      <c r="AF14" s="243"/>
      <c r="AG14" s="243"/>
      <c r="AH14" s="243"/>
      <c r="AI14" s="243"/>
      <c r="AJ14" s="243"/>
      <c r="AK14" s="243"/>
      <c r="AL14" s="243"/>
      <c r="AM14" s="243"/>
      <c r="AN14" s="243"/>
      <c r="AO14" s="243"/>
      <c r="AP14" s="243"/>
      <c r="AQ14" s="243"/>
      <c r="AR14" s="243"/>
      <c r="AS14" s="243"/>
      <c r="AT14" s="243"/>
      <c r="AU14" s="243"/>
      <c r="AV14" s="243"/>
      <c r="AW14" s="243"/>
      <c r="AX14" s="243"/>
      <c r="AZ14" s="54" t="s">
        <v>72</v>
      </c>
      <c r="BA14" s="54" t="s">
        <v>51</v>
      </c>
      <c r="BB14" s="58" t="b">
        <f>IF(BC12=1,K19,IF(BC12=2,K20,IF(BC12=3,K21,IF(BC12=4,S19,IF(BC12=5,S20,IF(BC12=6,S21))))))</f>
        <v>0</v>
      </c>
      <c r="BC14" s="54"/>
      <c r="BD14" s="44"/>
    </row>
    <row r="15" spans="1:56" ht="30.75" customHeight="1">
      <c r="B15" s="65" t="s">
        <v>3006</v>
      </c>
      <c r="C15" s="66"/>
      <c r="D15" s="66"/>
      <c r="E15" s="66"/>
      <c r="F15" s="66"/>
      <c r="G15" s="66"/>
      <c r="H15" s="66"/>
      <c r="I15" s="67" t="s">
        <v>3007</v>
      </c>
      <c r="J15" s="68"/>
      <c r="K15" s="69"/>
      <c r="L15" s="70"/>
      <c r="M15" s="71"/>
      <c r="N15" s="35" t="s">
        <v>33</v>
      </c>
      <c r="O15" s="41"/>
      <c r="P15" s="35" t="s">
        <v>3008</v>
      </c>
      <c r="Q15" s="41"/>
      <c r="R15" s="36" t="s">
        <v>35</v>
      </c>
      <c r="S15" s="244" t="s">
        <v>3011</v>
      </c>
      <c r="T15" s="245"/>
      <c r="U15" s="35" t="s">
        <v>3010</v>
      </c>
      <c r="V15" s="72"/>
      <c r="W15" s="72"/>
      <c r="X15" s="36" t="s">
        <v>3009</v>
      </c>
      <c r="Y15" s="20"/>
      <c r="Z15" s="20"/>
      <c r="AA15" s="44"/>
      <c r="AB15" s="65" t="s">
        <v>3006</v>
      </c>
      <c r="AC15" s="66"/>
      <c r="AD15" s="66"/>
      <c r="AE15" s="66"/>
      <c r="AF15" s="66"/>
      <c r="AG15" s="66"/>
      <c r="AH15" s="66"/>
      <c r="AI15" s="67" t="s">
        <v>3007</v>
      </c>
      <c r="AJ15" s="68"/>
      <c r="AK15" s="69"/>
      <c r="AL15" s="246">
        <v>2025</v>
      </c>
      <c r="AM15" s="247"/>
      <c r="AN15" s="38" t="s">
        <v>33</v>
      </c>
      <c r="AO15" s="40">
        <v>8</v>
      </c>
      <c r="AP15" s="38" t="s">
        <v>3008</v>
      </c>
      <c r="AQ15" s="40">
        <v>1</v>
      </c>
      <c r="AR15" s="39" t="s">
        <v>35</v>
      </c>
      <c r="AS15" s="244" t="s">
        <v>3011</v>
      </c>
      <c r="AT15" s="245"/>
      <c r="AU15" s="38" t="s">
        <v>3010</v>
      </c>
      <c r="AV15" s="248" t="s">
        <v>2986</v>
      </c>
      <c r="AW15" s="248"/>
      <c r="AX15" s="39" t="s">
        <v>3009</v>
      </c>
      <c r="AZ15" s="54" t="s">
        <v>73</v>
      </c>
      <c r="BA15" s="54" t="s">
        <v>53</v>
      </c>
      <c r="BB15" s="58">
        <f>I22</f>
        <v>0</v>
      </c>
      <c r="BC15" s="54"/>
      <c r="BD15" s="44"/>
    </row>
    <row r="16" spans="1:56" ht="21.75" customHeight="1">
      <c r="B16" s="99" t="s">
        <v>67</v>
      </c>
      <c r="C16" s="99"/>
      <c r="D16" s="99"/>
      <c r="E16" s="99"/>
      <c r="F16" s="99"/>
      <c r="G16" s="99"/>
      <c r="H16" s="99"/>
      <c r="I16" s="235"/>
      <c r="J16" s="235"/>
      <c r="K16" s="227" t="s">
        <v>9</v>
      </c>
      <c r="L16" s="227"/>
      <c r="M16" s="227"/>
      <c r="N16" s="227"/>
      <c r="O16" s="227"/>
      <c r="P16" s="227"/>
      <c r="Q16" s="235"/>
      <c r="R16" s="235"/>
      <c r="S16" s="227" t="s">
        <v>11</v>
      </c>
      <c r="T16" s="227"/>
      <c r="U16" s="227"/>
      <c r="V16" s="227"/>
      <c r="W16" s="227"/>
      <c r="X16" s="227"/>
      <c r="Y16" s="24"/>
      <c r="Z16" s="24"/>
      <c r="AA16" s="44"/>
      <c r="AB16" s="182" t="s">
        <v>67</v>
      </c>
      <c r="AC16" s="182"/>
      <c r="AD16" s="182"/>
      <c r="AE16" s="182"/>
      <c r="AF16" s="182"/>
      <c r="AG16" s="182"/>
      <c r="AH16" s="182"/>
      <c r="AI16" s="231"/>
      <c r="AJ16" s="231"/>
      <c r="AK16" s="230" t="s">
        <v>9</v>
      </c>
      <c r="AL16" s="230"/>
      <c r="AM16" s="230"/>
      <c r="AN16" s="230"/>
      <c r="AO16" s="230"/>
      <c r="AP16" s="230"/>
      <c r="AQ16" s="231"/>
      <c r="AR16" s="231"/>
      <c r="AS16" s="230" t="s">
        <v>11</v>
      </c>
      <c r="AT16" s="230"/>
      <c r="AU16" s="230"/>
      <c r="AV16" s="230"/>
      <c r="AW16" s="230"/>
      <c r="AX16" s="230"/>
      <c r="AZ16" s="54" t="s">
        <v>69</v>
      </c>
      <c r="BA16" s="54" t="s">
        <v>54</v>
      </c>
      <c r="BB16" s="58">
        <f>V22</f>
        <v>0</v>
      </c>
      <c r="BC16" s="54"/>
      <c r="BD16" s="44"/>
    </row>
    <row r="17" spans="2:56" ht="21.75" customHeight="1">
      <c r="B17" s="99"/>
      <c r="C17" s="99"/>
      <c r="D17" s="99"/>
      <c r="E17" s="99"/>
      <c r="F17" s="99"/>
      <c r="G17" s="99"/>
      <c r="H17" s="99"/>
      <c r="I17" s="235"/>
      <c r="J17" s="235"/>
      <c r="K17" s="227" t="s">
        <v>10</v>
      </c>
      <c r="L17" s="227"/>
      <c r="M17" s="227"/>
      <c r="N17" s="227"/>
      <c r="O17" s="227"/>
      <c r="P17" s="227"/>
      <c r="Q17" s="235"/>
      <c r="R17" s="235"/>
      <c r="S17" s="227" t="s">
        <v>12</v>
      </c>
      <c r="T17" s="227"/>
      <c r="U17" s="227"/>
      <c r="V17" s="227"/>
      <c r="W17" s="227"/>
      <c r="X17" s="227"/>
      <c r="Y17" s="24"/>
      <c r="Z17" s="24"/>
      <c r="AA17" s="44"/>
      <c r="AB17" s="182"/>
      <c r="AC17" s="182"/>
      <c r="AD17" s="182"/>
      <c r="AE17" s="182"/>
      <c r="AF17" s="182"/>
      <c r="AG17" s="182"/>
      <c r="AH17" s="182"/>
      <c r="AI17" s="231"/>
      <c r="AJ17" s="231"/>
      <c r="AK17" s="230" t="s">
        <v>10</v>
      </c>
      <c r="AL17" s="230"/>
      <c r="AM17" s="230"/>
      <c r="AN17" s="230"/>
      <c r="AO17" s="230"/>
      <c r="AP17" s="230"/>
      <c r="AQ17" s="231"/>
      <c r="AR17" s="231"/>
      <c r="AS17" s="230" t="s">
        <v>12</v>
      </c>
      <c r="AT17" s="230"/>
      <c r="AU17" s="230"/>
      <c r="AV17" s="230"/>
      <c r="AW17" s="230"/>
      <c r="AX17" s="230"/>
      <c r="AZ17" s="54"/>
      <c r="BA17" s="54" t="s">
        <v>25</v>
      </c>
      <c r="BB17" s="58">
        <f>I23</f>
        <v>0</v>
      </c>
      <c r="BC17" s="54"/>
      <c r="BD17" s="44"/>
    </row>
    <row r="18" spans="2:56" ht="21.75" customHeight="1">
      <c r="B18" s="227" t="s">
        <v>14</v>
      </c>
      <c r="C18" s="227"/>
      <c r="D18" s="227"/>
      <c r="E18" s="227"/>
      <c r="F18" s="227"/>
      <c r="G18" s="227"/>
      <c r="H18" s="227"/>
      <c r="I18" s="239"/>
      <c r="J18" s="240"/>
      <c r="K18" s="240"/>
      <c r="L18" s="237" t="s">
        <v>13</v>
      </c>
      <c r="M18" s="237"/>
      <c r="N18" s="237"/>
      <c r="O18" s="237"/>
      <c r="P18" s="237"/>
      <c r="Q18" s="237"/>
      <c r="R18" s="237"/>
      <c r="S18" s="237"/>
      <c r="T18" s="237"/>
      <c r="U18" s="237"/>
      <c r="V18" s="237"/>
      <c r="W18" s="237"/>
      <c r="X18" s="238"/>
      <c r="Y18" s="24"/>
      <c r="Z18" s="24"/>
      <c r="AA18" s="44"/>
      <c r="AB18" s="230" t="s">
        <v>14</v>
      </c>
      <c r="AC18" s="230"/>
      <c r="AD18" s="230"/>
      <c r="AE18" s="230"/>
      <c r="AF18" s="230"/>
      <c r="AG18" s="230"/>
      <c r="AH18" s="230"/>
      <c r="AI18" s="241">
        <v>10000</v>
      </c>
      <c r="AJ18" s="242"/>
      <c r="AK18" s="242"/>
      <c r="AL18" s="233" t="s">
        <v>13</v>
      </c>
      <c r="AM18" s="233"/>
      <c r="AN18" s="233"/>
      <c r="AO18" s="233"/>
      <c r="AP18" s="233"/>
      <c r="AQ18" s="233"/>
      <c r="AR18" s="233"/>
      <c r="AS18" s="233"/>
      <c r="AT18" s="233"/>
      <c r="AU18" s="233"/>
      <c r="AV18" s="233"/>
      <c r="AW18" s="233"/>
      <c r="AX18" s="234"/>
      <c r="AZ18" s="54" t="s">
        <v>69</v>
      </c>
      <c r="BA18" s="54" t="s">
        <v>26</v>
      </c>
      <c r="BB18" s="58" t="str">
        <f>I24&amp;"-"&amp;L24</f>
        <v>-</v>
      </c>
      <c r="BC18" s="54"/>
      <c r="BD18" s="44"/>
    </row>
    <row r="19" spans="2:56" ht="21.75" customHeight="1">
      <c r="B19" s="226" t="s">
        <v>68</v>
      </c>
      <c r="C19" s="227"/>
      <c r="D19" s="227"/>
      <c r="E19" s="227"/>
      <c r="F19" s="227"/>
      <c r="G19" s="227"/>
      <c r="H19" s="227"/>
      <c r="I19" s="235"/>
      <c r="J19" s="235"/>
      <c r="K19" s="236" t="s">
        <v>15</v>
      </c>
      <c r="L19" s="237"/>
      <c r="M19" s="237"/>
      <c r="N19" s="237"/>
      <c r="O19" s="237"/>
      <c r="P19" s="238"/>
      <c r="Q19" s="235"/>
      <c r="R19" s="235"/>
      <c r="S19" s="236" t="s">
        <v>18</v>
      </c>
      <c r="T19" s="237"/>
      <c r="U19" s="237"/>
      <c r="V19" s="237"/>
      <c r="W19" s="237"/>
      <c r="X19" s="238"/>
      <c r="Y19" s="24"/>
      <c r="Z19" s="24"/>
      <c r="AA19" s="44"/>
      <c r="AB19" s="216" t="s">
        <v>68</v>
      </c>
      <c r="AC19" s="230"/>
      <c r="AD19" s="230"/>
      <c r="AE19" s="230"/>
      <c r="AF19" s="230"/>
      <c r="AG19" s="230"/>
      <c r="AH19" s="230"/>
      <c r="AI19" s="231"/>
      <c r="AJ19" s="231"/>
      <c r="AK19" s="232" t="s">
        <v>15</v>
      </c>
      <c r="AL19" s="233"/>
      <c r="AM19" s="233"/>
      <c r="AN19" s="233"/>
      <c r="AO19" s="233"/>
      <c r="AP19" s="234"/>
      <c r="AQ19" s="231"/>
      <c r="AR19" s="231"/>
      <c r="AS19" s="232" t="s">
        <v>18</v>
      </c>
      <c r="AT19" s="233"/>
      <c r="AU19" s="233"/>
      <c r="AV19" s="233"/>
      <c r="AW19" s="233"/>
      <c r="AX19" s="234"/>
      <c r="AZ19" s="54"/>
      <c r="BA19" s="54" t="s">
        <v>27</v>
      </c>
      <c r="BB19" s="58" t="str">
        <f>I25&amp;I26</f>
        <v/>
      </c>
      <c r="BC19" s="54"/>
      <c r="BD19" s="44"/>
    </row>
    <row r="20" spans="2:56" ht="21.75" customHeight="1">
      <c r="B20" s="227"/>
      <c r="C20" s="227"/>
      <c r="D20" s="227"/>
      <c r="E20" s="227"/>
      <c r="F20" s="227"/>
      <c r="G20" s="227"/>
      <c r="H20" s="227"/>
      <c r="I20" s="235"/>
      <c r="J20" s="235"/>
      <c r="K20" s="236" t="s">
        <v>16</v>
      </c>
      <c r="L20" s="237"/>
      <c r="M20" s="237"/>
      <c r="N20" s="237"/>
      <c r="O20" s="237"/>
      <c r="P20" s="238"/>
      <c r="Q20" s="235"/>
      <c r="R20" s="235"/>
      <c r="S20" s="236" t="s">
        <v>19</v>
      </c>
      <c r="T20" s="237"/>
      <c r="U20" s="237"/>
      <c r="V20" s="237"/>
      <c r="W20" s="237"/>
      <c r="X20" s="238"/>
      <c r="Y20" s="24"/>
      <c r="Z20" s="24"/>
      <c r="AA20" s="44"/>
      <c r="AB20" s="230"/>
      <c r="AC20" s="230"/>
      <c r="AD20" s="230"/>
      <c r="AE20" s="230"/>
      <c r="AF20" s="230"/>
      <c r="AG20" s="230"/>
      <c r="AH20" s="230"/>
      <c r="AI20" s="231"/>
      <c r="AJ20" s="231"/>
      <c r="AK20" s="232" t="s">
        <v>16</v>
      </c>
      <c r="AL20" s="233"/>
      <c r="AM20" s="233"/>
      <c r="AN20" s="233"/>
      <c r="AO20" s="233"/>
      <c r="AP20" s="234"/>
      <c r="AQ20" s="231"/>
      <c r="AR20" s="231"/>
      <c r="AS20" s="232" t="s">
        <v>19</v>
      </c>
      <c r="AT20" s="233"/>
      <c r="AU20" s="233"/>
      <c r="AV20" s="233"/>
      <c r="AW20" s="233"/>
      <c r="AX20" s="234"/>
      <c r="AZ20" s="54"/>
      <c r="BA20" s="54" t="s">
        <v>55</v>
      </c>
      <c r="BB20" s="58">
        <f>2000+P27</f>
        <v>2000</v>
      </c>
      <c r="BC20" s="54"/>
      <c r="BD20" s="44"/>
    </row>
    <row r="21" spans="2:56" ht="21.75" customHeight="1">
      <c r="B21" s="227"/>
      <c r="C21" s="227"/>
      <c r="D21" s="227"/>
      <c r="E21" s="227"/>
      <c r="F21" s="227"/>
      <c r="G21" s="227"/>
      <c r="H21" s="227"/>
      <c r="I21" s="235"/>
      <c r="J21" s="235"/>
      <c r="K21" s="236" t="s">
        <v>17</v>
      </c>
      <c r="L21" s="237"/>
      <c r="M21" s="237"/>
      <c r="N21" s="237"/>
      <c r="O21" s="237"/>
      <c r="P21" s="238"/>
      <c r="Q21" s="235"/>
      <c r="R21" s="235"/>
      <c r="S21" s="236" t="s">
        <v>20</v>
      </c>
      <c r="T21" s="237"/>
      <c r="U21" s="237"/>
      <c r="V21" s="237"/>
      <c r="W21" s="237"/>
      <c r="X21" s="238"/>
      <c r="Y21" s="24"/>
      <c r="Z21" s="24"/>
      <c r="AA21" s="44"/>
      <c r="AB21" s="230"/>
      <c r="AC21" s="230"/>
      <c r="AD21" s="230"/>
      <c r="AE21" s="230"/>
      <c r="AF21" s="230"/>
      <c r="AG21" s="230"/>
      <c r="AH21" s="230"/>
      <c r="AI21" s="231"/>
      <c r="AJ21" s="231"/>
      <c r="AK21" s="232" t="s">
        <v>17</v>
      </c>
      <c r="AL21" s="233"/>
      <c r="AM21" s="233"/>
      <c r="AN21" s="233"/>
      <c r="AO21" s="233"/>
      <c r="AP21" s="234"/>
      <c r="AQ21" s="231"/>
      <c r="AR21" s="231"/>
      <c r="AS21" s="232" t="s">
        <v>20</v>
      </c>
      <c r="AT21" s="233"/>
      <c r="AU21" s="233"/>
      <c r="AV21" s="233"/>
      <c r="AW21" s="233"/>
      <c r="AX21" s="234"/>
      <c r="AZ21" s="54"/>
      <c r="BA21" s="54" t="s">
        <v>65</v>
      </c>
      <c r="BB21" s="59" t="e">
        <f>DATE(K29,N29,P29)</f>
        <v>#NUM!</v>
      </c>
      <c r="BC21" s="54"/>
      <c r="BD21" s="44"/>
    </row>
    <row r="22" spans="2:56" ht="33.75" customHeight="1">
      <c r="B22" s="226" t="s">
        <v>21</v>
      </c>
      <c r="C22" s="227"/>
      <c r="D22" s="227"/>
      <c r="E22" s="227"/>
      <c r="F22" s="227"/>
      <c r="G22" s="227"/>
      <c r="H22" s="227"/>
      <c r="I22" s="228"/>
      <c r="J22" s="229"/>
      <c r="K22" s="229"/>
      <c r="L22" s="229"/>
      <c r="M22" s="12" t="s">
        <v>23</v>
      </c>
      <c r="N22" s="226" t="s">
        <v>22</v>
      </c>
      <c r="O22" s="226"/>
      <c r="P22" s="226"/>
      <c r="Q22" s="226"/>
      <c r="R22" s="226"/>
      <c r="S22" s="226"/>
      <c r="T22" s="226"/>
      <c r="U22" s="226"/>
      <c r="V22" s="228"/>
      <c r="W22" s="229"/>
      <c r="X22" s="12" t="s">
        <v>24</v>
      </c>
      <c r="Y22" s="25"/>
      <c r="Z22" s="25"/>
      <c r="AA22" s="44"/>
      <c r="AB22" s="216" t="s">
        <v>21</v>
      </c>
      <c r="AC22" s="230"/>
      <c r="AD22" s="230"/>
      <c r="AE22" s="230"/>
      <c r="AF22" s="230"/>
      <c r="AG22" s="230"/>
      <c r="AH22" s="230"/>
      <c r="AI22" s="217">
        <v>900</v>
      </c>
      <c r="AJ22" s="218"/>
      <c r="AK22" s="218"/>
      <c r="AL22" s="218"/>
      <c r="AM22" s="46" t="s">
        <v>23</v>
      </c>
      <c r="AN22" s="216" t="s">
        <v>22</v>
      </c>
      <c r="AO22" s="216"/>
      <c r="AP22" s="216"/>
      <c r="AQ22" s="216"/>
      <c r="AR22" s="216"/>
      <c r="AS22" s="216"/>
      <c r="AT22" s="216"/>
      <c r="AU22" s="216"/>
      <c r="AV22" s="217">
        <v>50</v>
      </c>
      <c r="AW22" s="218"/>
      <c r="AX22" s="46" t="s">
        <v>24</v>
      </c>
      <c r="AZ22" s="54"/>
      <c r="BA22" s="54" t="s">
        <v>56</v>
      </c>
      <c r="BB22" s="58">
        <f>U29</f>
        <v>0</v>
      </c>
      <c r="BC22" s="54"/>
      <c r="BD22" s="44"/>
    </row>
    <row r="23" spans="2:56" ht="21.75" customHeight="1">
      <c r="B23" s="167" t="s">
        <v>28</v>
      </c>
      <c r="C23" s="168"/>
      <c r="D23" s="168"/>
      <c r="E23" s="169"/>
      <c r="F23" s="219" t="s">
        <v>25</v>
      </c>
      <c r="G23" s="219"/>
      <c r="H23" s="219"/>
      <c r="I23" s="220"/>
      <c r="J23" s="221"/>
      <c r="K23" s="221"/>
      <c r="L23" s="221"/>
      <c r="M23" s="221"/>
      <c r="N23" s="221"/>
      <c r="O23" s="221"/>
      <c r="P23" s="221"/>
      <c r="Q23" s="221"/>
      <c r="R23" s="221"/>
      <c r="S23" s="221"/>
      <c r="T23" s="221"/>
      <c r="U23" s="221"/>
      <c r="V23" s="221"/>
      <c r="W23" s="221"/>
      <c r="X23" s="222"/>
      <c r="Y23" s="32"/>
      <c r="Z23" s="22"/>
      <c r="AA23" s="44"/>
      <c r="AB23" s="158" t="s">
        <v>28</v>
      </c>
      <c r="AC23" s="159"/>
      <c r="AD23" s="159"/>
      <c r="AE23" s="160"/>
      <c r="AF23" s="212" t="s">
        <v>25</v>
      </c>
      <c r="AG23" s="212"/>
      <c r="AH23" s="212"/>
      <c r="AI23" s="223" t="s">
        <v>2995</v>
      </c>
      <c r="AJ23" s="224"/>
      <c r="AK23" s="224"/>
      <c r="AL23" s="224"/>
      <c r="AM23" s="224"/>
      <c r="AN23" s="224"/>
      <c r="AO23" s="224"/>
      <c r="AP23" s="224"/>
      <c r="AQ23" s="224"/>
      <c r="AR23" s="224"/>
      <c r="AS23" s="224"/>
      <c r="AT23" s="224"/>
      <c r="AU23" s="224"/>
      <c r="AV23" s="224"/>
      <c r="AW23" s="224"/>
      <c r="AX23" s="225"/>
      <c r="AZ23" s="54" t="s">
        <v>2218</v>
      </c>
      <c r="BA23" s="54" t="s">
        <v>57</v>
      </c>
      <c r="BB23" s="58">
        <f>U31</f>
        <v>0</v>
      </c>
      <c r="BC23" s="54"/>
      <c r="BD23" s="44"/>
    </row>
    <row r="24" spans="2:56" ht="21.75" customHeight="1">
      <c r="B24" s="170"/>
      <c r="C24" s="171"/>
      <c r="D24" s="171"/>
      <c r="E24" s="172"/>
      <c r="F24" s="219" t="s">
        <v>26</v>
      </c>
      <c r="G24" s="219"/>
      <c r="H24" s="219"/>
      <c r="I24" s="92"/>
      <c r="J24" s="209"/>
      <c r="K24" s="21" t="s">
        <v>70</v>
      </c>
      <c r="L24" s="209"/>
      <c r="M24" s="209"/>
      <c r="N24" s="210"/>
      <c r="O24" s="210"/>
      <c r="P24" s="210"/>
      <c r="Q24" s="210"/>
      <c r="R24" s="210"/>
      <c r="S24" s="210"/>
      <c r="T24" s="210"/>
      <c r="U24" s="210"/>
      <c r="V24" s="210"/>
      <c r="W24" s="210"/>
      <c r="X24" s="211"/>
      <c r="Y24" s="22"/>
      <c r="Z24" s="22"/>
      <c r="AA24" s="44"/>
      <c r="AB24" s="161"/>
      <c r="AC24" s="162"/>
      <c r="AD24" s="162"/>
      <c r="AE24" s="163"/>
      <c r="AF24" s="212" t="s">
        <v>26</v>
      </c>
      <c r="AG24" s="212"/>
      <c r="AH24" s="212"/>
      <c r="AI24" s="97" t="s">
        <v>2996</v>
      </c>
      <c r="AJ24" s="213"/>
      <c r="AK24" s="47" t="s">
        <v>70</v>
      </c>
      <c r="AL24" s="213" t="s">
        <v>2999</v>
      </c>
      <c r="AM24" s="213"/>
      <c r="AN24" s="214"/>
      <c r="AO24" s="214"/>
      <c r="AP24" s="214"/>
      <c r="AQ24" s="214"/>
      <c r="AR24" s="214"/>
      <c r="AS24" s="214"/>
      <c r="AT24" s="214"/>
      <c r="AU24" s="214"/>
      <c r="AV24" s="214"/>
      <c r="AW24" s="214"/>
      <c r="AX24" s="215"/>
      <c r="AZ24" s="54" t="s">
        <v>2219</v>
      </c>
      <c r="BA24" s="54" t="s">
        <v>58</v>
      </c>
      <c r="BB24" s="58">
        <f>I32</f>
        <v>0</v>
      </c>
      <c r="BC24" s="54"/>
      <c r="BD24" s="44"/>
    </row>
    <row r="25" spans="2:56" ht="21.75" customHeight="1">
      <c r="B25" s="170"/>
      <c r="C25" s="171"/>
      <c r="D25" s="171"/>
      <c r="E25" s="172"/>
      <c r="F25" s="181" t="s">
        <v>27</v>
      </c>
      <c r="G25" s="187"/>
      <c r="H25" s="188"/>
      <c r="I25" s="192" t="str">
        <f>IFERROR(VLOOKUP(INT(I24&amp;L24),郵便番号!$A$2:$B$3134,2,FALSE),"")</f>
        <v/>
      </c>
      <c r="J25" s="193"/>
      <c r="K25" s="193"/>
      <c r="L25" s="193"/>
      <c r="M25" s="193"/>
      <c r="N25" s="193"/>
      <c r="O25" s="193"/>
      <c r="P25" s="193"/>
      <c r="Q25" s="193"/>
      <c r="R25" s="193"/>
      <c r="S25" s="193"/>
      <c r="T25" s="193"/>
      <c r="U25" s="193"/>
      <c r="V25" s="193"/>
      <c r="W25" s="193"/>
      <c r="X25" s="194"/>
      <c r="Y25" s="32"/>
      <c r="Z25" s="24"/>
      <c r="AA25" s="44"/>
      <c r="AB25" s="161"/>
      <c r="AC25" s="162"/>
      <c r="AD25" s="162"/>
      <c r="AE25" s="163"/>
      <c r="AF25" s="184" t="s">
        <v>27</v>
      </c>
      <c r="AG25" s="195"/>
      <c r="AH25" s="196"/>
      <c r="AI25" s="200" t="str">
        <f>IFERROR(VLOOKUP(INT(AI24&amp;AL24),郵便番号!$A$2:$B$3134,2,FALSE),"")</f>
        <v>厚木市山際</v>
      </c>
      <c r="AJ25" s="201"/>
      <c r="AK25" s="201"/>
      <c r="AL25" s="201"/>
      <c r="AM25" s="201"/>
      <c r="AN25" s="201"/>
      <c r="AO25" s="201"/>
      <c r="AP25" s="201"/>
      <c r="AQ25" s="201"/>
      <c r="AR25" s="201"/>
      <c r="AS25" s="201"/>
      <c r="AT25" s="201"/>
      <c r="AU25" s="201"/>
      <c r="AV25" s="201"/>
      <c r="AW25" s="201"/>
      <c r="AX25" s="202"/>
      <c r="AZ25" s="54"/>
      <c r="BA25" s="54" t="s">
        <v>62</v>
      </c>
      <c r="BB25" s="58">
        <f>I35</f>
        <v>0</v>
      </c>
      <c r="BC25" s="54"/>
      <c r="BD25" s="44"/>
    </row>
    <row r="26" spans="2:56" ht="21.75" customHeight="1">
      <c r="B26" s="173"/>
      <c r="C26" s="174"/>
      <c r="D26" s="174"/>
      <c r="E26" s="175"/>
      <c r="F26" s="189"/>
      <c r="G26" s="190"/>
      <c r="H26" s="191"/>
      <c r="I26" s="203"/>
      <c r="J26" s="204"/>
      <c r="K26" s="204"/>
      <c r="L26" s="204"/>
      <c r="M26" s="204"/>
      <c r="N26" s="204"/>
      <c r="O26" s="204"/>
      <c r="P26" s="204"/>
      <c r="Q26" s="204"/>
      <c r="R26" s="204"/>
      <c r="S26" s="204"/>
      <c r="T26" s="204"/>
      <c r="U26" s="204"/>
      <c r="V26" s="204"/>
      <c r="W26" s="204"/>
      <c r="X26" s="205"/>
      <c r="Y26" s="33"/>
      <c r="Z26" s="26"/>
      <c r="AA26" s="44"/>
      <c r="AB26" s="164"/>
      <c r="AC26" s="165"/>
      <c r="AD26" s="165"/>
      <c r="AE26" s="166"/>
      <c r="AF26" s="197"/>
      <c r="AG26" s="198"/>
      <c r="AH26" s="199"/>
      <c r="AI26" s="206" t="s">
        <v>2997</v>
      </c>
      <c r="AJ26" s="207"/>
      <c r="AK26" s="207"/>
      <c r="AL26" s="207"/>
      <c r="AM26" s="207"/>
      <c r="AN26" s="207"/>
      <c r="AO26" s="207"/>
      <c r="AP26" s="207"/>
      <c r="AQ26" s="207"/>
      <c r="AR26" s="207"/>
      <c r="AS26" s="207"/>
      <c r="AT26" s="207"/>
      <c r="AU26" s="207"/>
      <c r="AV26" s="207"/>
      <c r="AW26" s="207"/>
      <c r="AX26" s="208"/>
      <c r="AZ26" s="54" t="s">
        <v>2217</v>
      </c>
      <c r="BA26" s="54" t="s">
        <v>59</v>
      </c>
      <c r="BB26" s="58">
        <f>I36</f>
        <v>0</v>
      </c>
      <c r="BC26" s="54"/>
      <c r="BD26" s="44"/>
    </row>
    <row r="27" spans="2:56" ht="21.75" customHeight="1">
      <c r="B27" s="99" t="s">
        <v>29</v>
      </c>
      <c r="C27" s="99"/>
      <c r="D27" s="99"/>
      <c r="E27" s="99"/>
      <c r="F27" s="99"/>
      <c r="G27" s="99"/>
      <c r="H27" s="99"/>
      <c r="I27" s="180" t="s">
        <v>32</v>
      </c>
      <c r="J27" s="180"/>
      <c r="K27" s="180"/>
      <c r="L27" s="180"/>
      <c r="M27" s="180"/>
      <c r="N27" s="181"/>
      <c r="O27" s="7">
        <v>20</v>
      </c>
      <c r="P27" s="42"/>
      <c r="Q27" s="10" t="s">
        <v>30</v>
      </c>
      <c r="R27" s="10"/>
      <c r="S27" s="10"/>
      <c r="T27" s="10"/>
      <c r="U27" s="10"/>
      <c r="V27" s="10"/>
      <c r="W27" s="10"/>
      <c r="X27" s="11"/>
      <c r="Y27" s="27"/>
      <c r="Z27" s="27"/>
      <c r="AA27" s="44"/>
      <c r="AB27" s="182" t="s">
        <v>29</v>
      </c>
      <c r="AC27" s="182"/>
      <c r="AD27" s="182"/>
      <c r="AE27" s="182"/>
      <c r="AF27" s="182"/>
      <c r="AG27" s="182"/>
      <c r="AH27" s="182"/>
      <c r="AI27" s="183" t="s">
        <v>32</v>
      </c>
      <c r="AJ27" s="183"/>
      <c r="AK27" s="183"/>
      <c r="AL27" s="183"/>
      <c r="AM27" s="183"/>
      <c r="AN27" s="184"/>
      <c r="AO27" s="48">
        <v>20</v>
      </c>
      <c r="AP27" s="49">
        <v>45</v>
      </c>
      <c r="AQ27" s="50" t="s">
        <v>30</v>
      </c>
      <c r="AR27" s="50"/>
      <c r="AS27" s="50"/>
      <c r="AT27" s="50"/>
      <c r="AU27" s="50"/>
      <c r="AV27" s="50"/>
      <c r="AW27" s="50"/>
      <c r="AX27" s="51"/>
      <c r="AZ27" s="54"/>
      <c r="BA27" s="54" t="s">
        <v>63</v>
      </c>
      <c r="BB27" s="58" t="str">
        <f>I37&amp;I38</f>
        <v/>
      </c>
      <c r="BC27" s="54"/>
      <c r="BD27" s="44"/>
    </row>
    <row r="28" spans="2:56" ht="21.75" customHeight="1">
      <c r="B28" s="99"/>
      <c r="C28" s="99"/>
      <c r="D28" s="99"/>
      <c r="E28" s="99"/>
      <c r="F28" s="99"/>
      <c r="G28" s="99"/>
      <c r="H28" s="99"/>
      <c r="I28" s="185" t="s">
        <v>31</v>
      </c>
      <c r="J28" s="185"/>
      <c r="K28" s="185"/>
      <c r="L28" s="185"/>
      <c r="M28" s="185"/>
      <c r="N28" s="185"/>
      <c r="O28" s="185"/>
      <c r="P28" s="185"/>
      <c r="Q28" s="185"/>
      <c r="R28" s="185"/>
      <c r="S28" s="185"/>
      <c r="T28" s="185"/>
      <c r="U28" s="185"/>
      <c r="V28" s="185"/>
      <c r="W28" s="185"/>
      <c r="X28" s="185"/>
      <c r="Y28" s="24"/>
      <c r="Z28" s="24"/>
      <c r="AA28" s="44"/>
      <c r="AB28" s="182"/>
      <c r="AC28" s="182"/>
      <c r="AD28" s="182"/>
      <c r="AE28" s="182"/>
      <c r="AF28" s="182"/>
      <c r="AG28" s="182"/>
      <c r="AH28" s="182"/>
      <c r="AI28" s="186" t="s">
        <v>31</v>
      </c>
      <c r="AJ28" s="186"/>
      <c r="AK28" s="186"/>
      <c r="AL28" s="186"/>
      <c r="AM28" s="186"/>
      <c r="AN28" s="186"/>
      <c r="AO28" s="186"/>
      <c r="AP28" s="186"/>
      <c r="AQ28" s="186"/>
      <c r="AR28" s="186"/>
      <c r="AS28" s="186"/>
      <c r="AT28" s="186"/>
      <c r="AU28" s="186"/>
      <c r="AV28" s="186"/>
      <c r="AW28" s="186"/>
      <c r="AX28" s="186"/>
      <c r="AZ28" s="54" t="s">
        <v>71</v>
      </c>
      <c r="BA28" s="54" t="s">
        <v>64</v>
      </c>
      <c r="BB28" s="58">
        <f>R35</f>
        <v>0</v>
      </c>
      <c r="BC28" s="54"/>
      <c r="BD28" s="44"/>
    </row>
    <row r="29" spans="2:56" ht="21.75" customHeight="1">
      <c r="B29" s="167" t="s">
        <v>3020</v>
      </c>
      <c r="C29" s="168"/>
      <c r="D29" s="168"/>
      <c r="E29" s="168"/>
      <c r="F29" s="168"/>
      <c r="G29" s="168"/>
      <c r="H29" s="169"/>
      <c r="I29" s="176" t="s">
        <v>36</v>
      </c>
      <c r="J29" s="176"/>
      <c r="K29" s="157"/>
      <c r="L29" s="151"/>
      <c r="M29" s="155" t="s">
        <v>33</v>
      </c>
      <c r="N29" s="151"/>
      <c r="O29" s="155" t="s">
        <v>34</v>
      </c>
      <c r="P29" s="151"/>
      <c r="Q29" s="153" t="s">
        <v>35</v>
      </c>
      <c r="R29" s="154" t="s">
        <v>39</v>
      </c>
      <c r="S29" s="155"/>
      <c r="T29" s="153"/>
      <c r="U29" s="157"/>
      <c r="V29" s="151"/>
      <c r="W29" s="155" t="s">
        <v>37</v>
      </c>
      <c r="X29" s="153"/>
      <c r="Y29" s="28"/>
      <c r="Z29" s="28"/>
      <c r="AA29" s="44"/>
      <c r="AB29" s="158" t="s">
        <v>3020</v>
      </c>
      <c r="AC29" s="159"/>
      <c r="AD29" s="159"/>
      <c r="AE29" s="159"/>
      <c r="AF29" s="159"/>
      <c r="AG29" s="159"/>
      <c r="AH29" s="160"/>
      <c r="AI29" s="146" t="s">
        <v>36</v>
      </c>
      <c r="AJ29" s="146"/>
      <c r="AK29" s="135">
        <v>2028</v>
      </c>
      <c r="AL29" s="136"/>
      <c r="AM29" s="130" t="s">
        <v>33</v>
      </c>
      <c r="AN29" s="136">
        <v>5</v>
      </c>
      <c r="AO29" s="130" t="s">
        <v>34</v>
      </c>
      <c r="AP29" s="136">
        <v>1</v>
      </c>
      <c r="AQ29" s="126" t="s">
        <v>35</v>
      </c>
      <c r="AR29" s="129" t="s">
        <v>39</v>
      </c>
      <c r="AS29" s="130"/>
      <c r="AT29" s="126"/>
      <c r="AU29" s="135">
        <v>2028</v>
      </c>
      <c r="AV29" s="136"/>
      <c r="AW29" s="130" t="s">
        <v>37</v>
      </c>
      <c r="AX29" s="126"/>
      <c r="AZ29" s="54" t="s">
        <v>72</v>
      </c>
      <c r="BA29" s="54" t="s">
        <v>60</v>
      </c>
      <c r="BB29" s="58">
        <f>R36</f>
        <v>0</v>
      </c>
      <c r="BC29" s="54"/>
      <c r="BD29" s="44"/>
    </row>
    <row r="30" spans="2:56" ht="15.75" customHeight="1">
      <c r="B30" s="170"/>
      <c r="C30" s="171"/>
      <c r="D30" s="171"/>
      <c r="E30" s="171"/>
      <c r="F30" s="171"/>
      <c r="G30" s="171"/>
      <c r="H30" s="172"/>
      <c r="I30" s="177"/>
      <c r="J30" s="177"/>
      <c r="K30" s="179"/>
      <c r="L30" s="152"/>
      <c r="M30" s="138"/>
      <c r="N30" s="152"/>
      <c r="O30" s="138"/>
      <c r="P30" s="152"/>
      <c r="Q30" s="139"/>
      <c r="R30" s="137"/>
      <c r="S30" s="138"/>
      <c r="T30" s="139"/>
      <c r="U30" s="137" t="s">
        <v>38</v>
      </c>
      <c r="V30" s="138"/>
      <c r="W30" s="138"/>
      <c r="X30" s="139"/>
      <c r="Y30" s="28"/>
      <c r="Z30" s="28"/>
      <c r="AA30" s="44"/>
      <c r="AB30" s="161"/>
      <c r="AC30" s="162"/>
      <c r="AD30" s="162"/>
      <c r="AE30" s="162"/>
      <c r="AF30" s="162"/>
      <c r="AG30" s="162"/>
      <c r="AH30" s="163"/>
      <c r="AI30" s="147"/>
      <c r="AJ30" s="147"/>
      <c r="AK30" s="149"/>
      <c r="AL30" s="150"/>
      <c r="AM30" s="132"/>
      <c r="AN30" s="150"/>
      <c r="AO30" s="132"/>
      <c r="AP30" s="150"/>
      <c r="AQ30" s="127"/>
      <c r="AR30" s="131"/>
      <c r="AS30" s="132"/>
      <c r="AT30" s="127"/>
      <c r="AU30" s="131" t="s">
        <v>38</v>
      </c>
      <c r="AV30" s="132"/>
      <c r="AW30" s="132"/>
      <c r="AX30" s="127"/>
      <c r="AZ30" s="54" t="s">
        <v>73</v>
      </c>
      <c r="BA30" s="54" t="s">
        <v>61</v>
      </c>
      <c r="BB30" s="58">
        <f>R37</f>
        <v>0</v>
      </c>
      <c r="BC30" s="54"/>
      <c r="BD30" s="44"/>
    </row>
    <row r="31" spans="2:56" ht="21.75" customHeight="1">
      <c r="B31" s="173"/>
      <c r="C31" s="174"/>
      <c r="D31" s="174"/>
      <c r="E31" s="174"/>
      <c r="F31" s="174"/>
      <c r="G31" s="174"/>
      <c r="H31" s="175"/>
      <c r="I31" s="178"/>
      <c r="J31" s="178"/>
      <c r="K31" s="140"/>
      <c r="L31" s="141"/>
      <c r="M31" s="142"/>
      <c r="N31" s="141"/>
      <c r="O31" s="142"/>
      <c r="P31" s="141"/>
      <c r="Q31" s="143"/>
      <c r="R31" s="156"/>
      <c r="S31" s="142"/>
      <c r="T31" s="143"/>
      <c r="U31" s="140"/>
      <c r="V31" s="141"/>
      <c r="W31" s="142" t="s">
        <v>37</v>
      </c>
      <c r="X31" s="143"/>
      <c r="Y31" s="28"/>
      <c r="Z31" s="28"/>
      <c r="AA31" s="44"/>
      <c r="AB31" s="164"/>
      <c r="AC31" s="165"/>
      <c r="AD31" s="165"/>
      <c r="AE31" s="165"/>
      <c r="AF31" s="165"/>
      <c r="AG31" s="165"/>
      <c r="AH31" s="166"/>
      <c r="AI31" s="148"/>
      <c r="AJ31" s="148"/>
      <c r="AK31" s="144"/>
      <c r="AL31" s="145"/>
      <c r="AM31" s="134"/>
      <c r="AN31" s="145"/>
      <c r="AO31" s="134"/>
      <c r="AP31" s="145"/>
      <c r="AQ31" s="128"/>
      <c r="AR31" s="133"/>
      <c r="AS31" s="134"/>
      <c r="AT31" s="128"/>
      <c r="AU31" s="144">
        <v>2030</v>
      </c>
      <c r="AV31" s="145"/>
      <c r="AW31" s="134" t="s">
        <v>37</v>
      </c>
      <c r="AX31" s="128"/>
      <c r="AZ31" s="54" t="s">
        <v>74</v>
      </c>
      <c r="BA31" s="54"/>
      <c r="BB31" s="54"/>
      <c r="BC31" s="54"/>
      <c r="BD31" s="44"/>
    </row>
    <row r="32" spans="2:56" ht="30" customHeight="1">
      <c r="B32" s="102" t="s">
        <v>40</v>
      </c>
      <c r="C32" s="103"/>
      <c r="D32" s="103"/>
      <c r="E32" s="103"/>
      <c r="F32" s="103"/>
      <c r="G32" s="103"/>
      <c r="H32" s="103"/>
      <c r="I32" s="108"/>
      <c r="J32" s="103" t="s">
        <v>43</v>
      </c>
      <c r="K32" s="103"/>
      <c r="L32" s="103"/>
      <c r="M32" s="103"/>
      <c r="N32" s="103"/>
      <c r="O32" s="103"/>
      <c r="P32" s="103"/>
      <c r="Q32" s="103"/>
      <c r="R32" s="103"/>
      <c r="S32" s="103"/>
      <c r="T32" s="103"/>
      <c r="U32" s="103"/>
      <c r="V32" s="103"/>
      <c r="W32" s="103"/>
      <c r="X32" s="111"/>
      <c r="Y32" s="29"/>
      <c r="Z32" s="29"/>
      <c r="AA32" s="44"/>
      <c r="AB32" s="112" t="s">
        <v>40</v>
      </c>
      <c r="AC32" s="113"/>
      <c r="AD32" s="113"/>
      <c r="AE32" s="113"/>
      <c r="AF32" s="113"/>
      <c r="AG32" s="113"/>
      <c r="AH32" s="113"/>
      <c r="AI32" s="118" t="s">
        <v>2998</v>
      </c>
      <c r="AJ32" s="113" t="s">
        <v>43</v>
      </c>
      <c r="AK32" s="113"/>
      <c r="AL32" s="113"/>
      <c r="AM32" s="113"/>
      <c r="AN32" s="113"/>
      <c r="AO32" s="113"/>
      <c r="AP32" s="113"/>
      <c r="AQ32" s="113"/>
      <c r="AR32" s="113"/>
      <c r="AS32" s="113"/>
      <c r="AT32" s="113"/>
      <c r="AU32" s="113"/>
      <c r="AV32" s="113"/>
      <c r="AW32" s="113"/>
      <c r="AX32" s="121"/>
      <c r="AZ32" s="54"/>
      <c r="BA32" s="54"/>
      <c r="BB32" s="54"/>
      <c r="BC32" s="54"/>
      <c r="BD32" s="44"/>
    </row>
    <row r="33" spans="2:56" ht="41.25" customHeight="1">
      <c r="B33" s="104"/>
      <c r="C33" s="105"/>
      <c r="D33" s="105"/>
      <c r="E33" s="105"/>
      <c r="F33" s="105"/>
      <c r="G33" s="105"/>
      <c r="H33" s="105"/>
      <c r="I33" s="109"/>
      <c r="J33" s="105" t="s">
        <v>41</v>
      </c>
      <c r="K33" s="105"/>
      <c r="L33" s="105"/>
      <c r="M33" s="105"/>
      <c r="N33" s="105"/>
      <c r="O33" s="105"/>
      <c r="P33" s="105"/>
      <c r="Q33" s="105"/>
      <c r="R33" s="105"/>
      <c r="S33" s="105"/>
      <c r="T33" s="105"/>
      <c r="U33" s="105"/>
      <c r="V33" s="105"/>
      <c r="W33" s="105"/>
      <c r="X33" s="122"/>
      <c r="Y33" s="29"/>
      <c r="Z33" s="29"/>
      <c r="AA33" s="44"/>
      <c r="AB33" s="114"/>
      <c r="AC33" s="115"/>
      <c r="AD33" s="115"/>
      <c r="AE33" s="115"/>
      <c r="AF33" s="115"/>
      <c r="AG33" s="115"/>
      <c r="AH33" s="115"/>
      <c r="AI33" s="119"/>
      <c r="AJ33" s="115" t="s">
        <v>41</v>
      </c>
      <c r="AK33" s="115"/>
      <c r="AL33" s="115"/>
      <c r="AM33" s="115"/>
      <c r="AN33" s="115"/>
      <c r="AO33" s="115"/>
      <c r="AP33" s="115"/>
      <c r="AQ33" s="115"/>
      <c r="AR33" s="115"/>
      <c r="AS33" s="115"/>
      <c r="AT33" s="115"/>
      <c r="AU33" s="115"/>
      <c r="AV33" s="115"/>
      <c r="AW33" s="115"/>
      <c r="AX33" s="123"/>
      <c r="AZ33" s="54"/>
      <c r="BA33" s="54"/>
      <c r="BB33" s="54"/>
      <c r="BC33" s="54"/>
      <c r="BD33" s="44"/>
    </row>
    <row r="34" spans="2:56" ht="30" customHeight="1">
      <c r="B34" s="106"/>
      <c r="C34" s="107"/>
      <c r="D34" s="107"/>
      <c r="E34" s="107"/>
      <c r="F34" s="107"/>
      <c r="G34" s="107"/>
      <c r="H34" s="107"/>
      <c r="I34" s="110"/>
      <c r="J34" s="107" t="s">
        <v>42</v>
      </c>
      <c r="K34" s="107"/>
      <c r="L34" s="107"/>
      <c r="M34" s="107"/>
      <c r="N34" s="107"/>
      <c r="O34" s="107"/>
      <c r="P34" s="107"/>
      <c r="Q34" s="107"/>
      <c r="R34" s="107"/>
      <c r="S34" s="107"/>
      <c r="T34" s="107"/>
      <c r="U34" s="107"/>
      <c r="V34" s="107"/>
      <c r="W34" s="107"/>
      <c r="X34" s="124"/>
      <c r="Y34" s="29"/>
      <c r="Z34" s="29"/>
      <c r="AA34" s="44"/>
      <c r="AB34" s="116"/>
      <c r="AC34" s="117"/>
      <c r="AD34" s="117"/>
      <c r="AE34" s="117"/>
      <c r="AF34" s="117"/>
      <c r="AG34" s="117"/>
      <c r="AH34" s="117"/>
      <c r="AI34" s="120"/>
      <c r="AJ34" s="117" t="s">
        <v>42</v>
      </c>
      <c r="AK34" s="117"/>
      <c r="AL34" s="117"/>
      <c r="AM34" s="117"/>
      <c r="AN34" s="117"/>
      <c r="AO34" s="117"/>
      <c r="AP34" s="117"/>
      <c r="AQ34" s="117"/>
      <c r="AR34" s="117"/>
      <c r="AS34" s="117"/>
      <c r="AT34" s="117"/>
      <c r="AU34" s="117"/>
      <c r="AV34" s="117"/>
      <c r="AW34" s="117"/>
      <c r="AX34" s="125"/>
      <c r="AZ34" s="54"/>
      <c r="BA34" s="54"/>
      <c r="BB34" s="54"/>
      <c r="BC34" s="54"/>
      <c r="BD34" s="44"/>
    </row>
    <row r="35" spans="2:56" ht="21.75" customHeight="1">
      <c r="B35" s="99" t="s">
        <v>3019</v>
      </c>
      <c r="C35" s="99"/>
      <c r="D35" s="99"/>
      <c r="E35" s="75" t="s">
        <v>44</v>
      </c>
      <c r="F35" s="75"/>
      <c r="G35" s="75"/>
      <c r="H35" s="75"/>
      <c r="I35" s="95"/>
      <c r="J35" s="95"/>
      <c r="K35" s="95"/>
      <c r="L35" s="95"/>
      <c r="M35" s="95"/>
      <c r="N35" s="95"/>
      <c r="O35" s="95"/>
      <c r="P35" s="9" t="s">
        <v>45</v>
      </c>
      <c r="Q35" s="9"/>
      <c r="R35" s="95"/>
      <c r="S35" s="95"/>
      <c r="T35" s="95"/>
      <c r="U35" s="95"/>
      <c r="V35" s="95"/>
      <c r="W35" s="95"/>
      <c r="X35" s="95"/>
      <c r="Y35" s="34"/>
      <c r="Z35" s="28"/>
      <c r="AA35" s="44"/>
      <c r="AB35" s="99" t="s">
        <v>3019</v>
      </c>
      <c r="AC35" s="99"/>
      <c r="AD35" s="99"/>
      <c r="AE35" s="83" t="s">
        <v>44</v>
      </c>
      <c r="AF35" s="83"/>
      <c r="AG35" s="83"/>
      <c r="AH35" s="83"/>
      <c r="AI35" s="74" t="s">
        <v>2991</v>
      </c>
      <c r="AJ35" s="74"/>
      <c r="AK35" s="74"/>
      <c r="AL35" s="74"/>
      <c r="AM35" s="74"/>
      <c r="AN35" s="74"/>
      <c r="AO35" s="74"/>
      <c r="AP35" s="52" t="s">
        <v>45</v>
      </c>
      <c r="AQ35" s="52"/>
      <c r="AR35" s="74" t="s">
        <v>2994</v>
      </c>
      <c r="AS35" s="74"/>
      <c r="AT35" s="74"/>
      <c r="AU35" s="74"/>
      <c r="AV35" s="74"/>
      <c r="AW35" s="74"/>
      <c r="AX35" s="74"/>
      <c r="AZ35" s="54" t="s">
        <v>75</v>
      </c>
      <c r="BA35" s="54"/>
      <c r="BB35" s="54"/>
      <c r="BC35" s="54"/>
      <c r="BD35" s="44"/>
    </row>
    <row r="36" spans="2:56" ht="21.75" customHeight="1">
      <c r="B36" s="99"/>
      <c r="C36" s="99"/>
      <c r="D36" s="99"/>
      <c r="E36" s="75" t="s">
        <v>26</v>
      </c>
      <c r="F36" s="75"/>
      <c r="G36" s="75"/>
      <c r="H36" s="75"/>
      <c r="I36" s="91"/>
      <c r="J36" s="92"/>
      <c r="K36" s="14" t="s">
        <v>70</v>
      </c>
      <c r="L36" s="93"/>
      <c r="M36" s="91"/>
      <c r="N36" s="94"/>
      <c r="O36" s="94"/>
      <c r="P36" s="9" t="s">
        <v>46</v>
      </c>
      <c r="Q36" s="9"/>
      <c r="R36" s="95"/>
      <c r="S36" s="95"/>
      <c r="T36" s="95"/>
      <c r="U36" s="95"/>
      <c r="V36" s="95"/>
      <c r="W36" s="95"/>
      <c r="X36" s="95"/>
      <c r="Y36" s="34"/>
      <c r="Z36" s="28"/>
      <c r="AA36" s="44"/>
      <c r="AB36" s="99"/>
      <c r="AC36" s="99"/>
      <c r="AD36" s="99"/>
      <c r="AE36" s="83" t="s">
        <v>26</v>
      </c>
      <c r="AF36" s="83"/>
      <c r="AG36" s="83"/>
      <c r="AH36" s="83"/>
      <c r="AI36" s="96" t="s">
        <v>2996</v>
      </c>
      <c r="AJ36" s="97"/>
      <c r="AK36" s="53" t="s">
        <v>70</v>
      </c>
      <c r="AL36" s="98" t="s">
        <v>2986</v>
      </c>
      <c r="AM36" s="96"/>
      <c r="AN36" s="73"/>
      <c r="AO36" s="73"/>
      <c r="AP36" s="52" t="s">
        <v>46</v>
      </c>
      <c r="AQ36" s="52"/>
      <c r="AR36" s="74" t="s">
        <v>2992</v>
      </c>
      <c r="AS36" s="74"/>
      <c r="AT36" s="74"/>
      <c r="AU36" s="74"/>
      <c r="AV36" s="74"/>
      <c r="AW36" s="74"/>
      <c r="AX36" s="74"/>
      <c r="AZ36" s="54" t="s">
        <v>2219</v>
      </c>
      <c r="BA36" s="54"/>
      <c r="BB36" s="54"/>
      <c r="BC36" s="54"/>
      <c r="BD36" s="44"/>
    </row>
    <row r="37" spans="2:56" ht="21.75" customHeight="1">
      <c r="B37" s="99"/>
      <c r="C37" s="99"/>
      <c r="D37" s="99"/>
      <c r="E37" s="75" t="s">
        <v>3017</v>
      </c>
      <c r="F37" s="75"/>
      <c r="G37" s="75"/>
      <c r="H37" s="75"/>
      <c r="I37" s="76" t="str">
        <f>IFERROR(VLOOKUP(INT(I36&amp;L36),郵便番号!$A$2:$B$3134,2,FALSE),"")</f>
        <v/>
      </c>
      <c r="J37" s="76"/>
      <c r="K37" s="76"/>
      <c r="L37" s="76"/>
      <c r="M37" s="76"/>
      <c r="N37" s="76"/>
      <c r="O37" s="76"/>
      <c r="P37" s="75" t="s">
        <v>47</v>
      </c>
      <c r="Q37" s="75"/>
      <c r="R37" s="77"/>
      <c r="S37" s="78"/>
      <c r="T37" s="78"/>
      <c r="U37" s="78"/>
      <c r="V37" s="78"/>
      <c r="W37" s="78"/>
      <c r="X37" s="79"/>
      <c r="Y37" s="34"/>
      <c r="Z37" s="28"/>
      <c r="AA37" s="44"/>
      <c r="AB37" s="99"/>
      <c r="AC37" s="99"/>
      <c r="AD37" s="99"/>
      <c r="AE37" s="83" t="s">
        <v>3018</v>
      </c>
      <c r="AF37" s="83"/>
      <c r="AG37" s="83"/>
      <c r="AH37" s="83"/>
      <c r="AI37" s="84" t="s">
        <v>3000</v>
      </c>
      <c r="AJ37" s="84"/>
      <c r="AK37" s="84"/>
      <c r="AL37" s="84"/>
      <c r="AM37" s="84"/>
      <c r="AN37" s="84"/>
      <c r="AO37" s="84"/>
      <c r="AP37" s="83" t="s">
        <v>47</v>
      </c>
      <c r="AQ37" s="83"/>
      <c r="AR37" s="85" t="s">
        <v>2993</v>
      </c>
      <c r="AS37" s="86"/>
      <c r="AT37" s="86"/>
      <c r="AU37" s="86"/>
      <c r="AV37" s="86"/>
      <c r="AW37" s="86"/>
      <c r="AX37" s="87"/>
      <c r="BD37" s="44"/>
    </row>
    <row r="38" spans="2:56" ht="21.75" customHeight="1">
      <c r="B38" s="99"/>
      <c r="C38" s="99"/>
      <c r="D38" s="99"/>
      <c r="E38" s="75"/>
      <c r="F38" s="75"/>
      <c r="G38" s="75"/>
      <c r="H38" s="75"/>
      <c r="I38" s="100"/>
      <c r="J38" s="100"/>
      <c r="K38" s="100"/>
      <c r="L38" s="100"/>
      <c r="M38" s="100"/>
      <c r="N38" s="100"/>
      <c r="O38" s="100"/>
      <c r="P38" s="75"/>
      <c r="Q38" s="75"/>
      <c r="R38" s="80"/>
      <c r="S38" s="81"/>
      <c r="T38" s="81"/>
      <c r="U38" s="81"/>
      <c r="V38" s="81"/>
      <c r="W38" s="81"/>
      <c r="X38" s="82"/>
      <c r="Y38" s="34"/>
      <c r="Z38" s="28"/>
      <c r="AA38" s="44"/>
      <c r="AB38" s="99"/>
      <c r="AC38" s="99"/>
      <c r="AD38" s="99"/>
      <c r="AE38" s="83"/>
      <c r="AF38" s="83"/>
      <c r="AG38" s="83"/>
      <c r="AH38" s="83"/>
      <c r="AI38" s="101" t="s">
        <v>3001</v>
      </c>
      <c r="AJ38" s="101"/>
      <c r="AK38" s="101"/>
      <c r="AL38" s="101"/>
      <c r="AM38" s="101"/>
      <c r="AN38" s="101"/>
      <c r="AO38" s="101"/>
      <c r="AP38" s="83"/>
      <c r="AQ38" s="83"/>
      <c r="AR38" s="88"/>
      <c r="AS38" s="89"/>
      <c r="AT38" s="89"/>
      <c r="AU38" s="89"/>
      <c r="AV38" s="89"/>
      <c r="AW38" s="89"/>
      <c r="AX38" s="90"/>
      <c r="BD38" s="44"/>
    </row>
    <row r="39" spans="2:56">
      <c r="BD39" s="44"/>
    </row>
    <row r="40" spans="2:56">
      <c r="BD40" s="44"/>
    </row>
    <row r="41" spans="2:56">
      <c r="BD41" s="44"/>
    </row>
    <row r="43" spans="2:56">
      <c r="O43" s="31"/>
    </row>
  </sheetData>
  <sheetProtection formatCells="0"/>
  <dataConsolidate/>
  <mergeCells count="196">
    <mergeCell ref="A1:X1"/>
    <mergeCell ref="AA1:AX1"/>
    <mergeCell ref="A2:X2"/>
    <mergeCell ref="AA2:AX2"/>
    <mergeCell ref="A3:X3"/>
    <mergeCell ref="AA3:AX3"/>
    <mergeCell ref="BA3:BB3"/>
    <mergeCell ref="A4:A13"/>
    <mergeCell ref="B4:X4"/>
    <mergeCell ref="AA4:AA13"/>
    <mergeCell ref="AB4:AX4"/>
    <mergeCell ref="B5:Q5"/>
    <mergeCell ref="R5:S5"/>
    <mergeCell ref="AB5:AQ5"/>
    <mergeCell ref="AR5:AS5"/>
    <mergeCell ref="B6:X6"/>
    <mergeCell ref="E10:L10"/>
    <mergeCell ref="M10:W10"/>
    <mergeCell ref="AE10:AL10"/>
    <mergeCell ref="AM10:AW10"/>
    <mergeCell ref="E11:L11"/>
    <mergeCell ref="M11:W11"/>
    <mergeCell ref="AE11:AL11"/>
    <mergeCell ref="AM11:AW11"/>
    <mergeCell ref="AB6:AX6"/>
    <mergeCell ref="E8:L9"/>
    <mergeCell ref="M8:W8"/>
    <mergeCell ref="AE8:AL9"/>
    <mergeCell ref="AM8:AW8"/>
    <mergeCell ref="M9:W9"/>
    <mergeCell ref="AM9:AW9"/>
    <mergeCell ref="B12:X12"/>
    <mergeCell ref="AB12:AX12"/>
    <mergeCell ref="B13:X14"/>
    <mergeCell ref="AB13:AX14"/>
    <mergeCell ref="B16:H17"/>
    <mergeCell ref="I16:J16"/>
    <mergeCell ref="K16:P16"/>
    <mergeCell ref="Q16:R16"/>
    <mergeCell ref="S16:X16"/>
    <mergeCell ref="AB16:AH17"/>
    <mergeCell ref="AI16:AJ16"/>
    <mergeCell ref="AK16:AP16"/>
    <mergeCell ref="AQ16:AR16"/>
    <mergeCell ref="AS16:AX16"/>
    <mergeCell ref="I17:J17"/>
    <mergeCell ref="K17:P17"/>
    <mergeCell ref="Q17:R17"/>
    <mergeCell ref="S17:X17"/>
    <mergeCell ref="AI17:AJ17"/>
    <mergeCell ref="AK17:AP17"/>
    <mergeCell ref="S15:T15"/>
    <mergeCell ref="AB15:AH15"/>
    <mergeCell ref="AI15:AK15"/>
    <mergeCell ref="AL15:AM15"/>
    <mergeCell ref="AS15:AT15"/>
    <mergeCell ref="AV15:AW15"/>
    <mergeCell ref="B19:H21"/>
    <mergeCell ref="I19:J19"/>
    <mergeCell ref="K19:P19"/>
    <mergeCell ref="Q19:R19"/>
    <mergeCell ref="S19:X19"/>
    <mergeCell ref="AB19:AH21"/>
    <mergeCell ref="AQ17:AR17"/>
    <mergeCell ref="AS17:AX17"/>
    <mergeCell ref="B18:H18"/>
    <mergeCell ref="I18:K18"/>
    <mergeCell ref="L18:X18"/>
    <mergeCell ref="AB18:AH18"/>
    <mergeCell ref="AI18:AK18"/>
    <mergeCell ref="AL18:AX18"/>
    <mergeCell ref="AI19:AJ19"/>
    <mergeCell ref="AK19:AP19"/>
    <mergeCell ref="AQ19:AR19"/>
    <mergeCell ref="AS19:AX19"/>
    <mergeCell ref="I20:J20"/>
    <mergeCell ref="K20:P20"/>
    <mergeCell ref="Q20:R20"/>
    <mergeCell ref="S20:X20"/>
    <mergeCell ref="AI20:AJ20"/>
    <mergeCell ref="AK20:AP20"/>
    <mergeCell ref="AQ20:AR20"/>
    <mergeCell ref="AS20:AX20"/>
    <mergeCell ref="I21:J21"/>
    <mergeCell ref="K21:P21"/>
    <mergeCell ref="Q21:R21"/>
    <mergeCell ref="S21:X21"/>
    <mergeCell ref="AI21:AJ21"/>
    <mergeCell ref="AK21:AP21"/>
    <mergeCell ref="AQ21:AR21"/>
    <mergeCell ref="AS21:AX21"/>
    <mergeCell ref="L24:M24"/>
    <mergeCell ref="N24:X24"/>
    <mergeCell ref="AF24:AH24"/>
    <mergeCell ref="AI24:AJ24"/>
    <mergeCell ref="AL24:AM24"/>
    <mergeCell ref="AN24:AX24"/>
    <mergeCell ref="AN22:AU22"/>
    <mergeCell ref="AV22:AW22"/>
    <mergeCell ref="B23:E26"/>
    <mergeCell ref="F23:H23"/>
    <mergeCell ref="I23:X23"/>
    <mergeCell ref="AB23:AE26"/>
    <mergeCell ref="AF23:AH23"/>
    <mergeCell ref="AI23:AX23"/>
    <mergeCell ref="F24:H24"/>
    <mergeCell ref="I24:J24"/>
    <mergeCell ref="B22:H22"/>
    <mergeCell ref="I22:L22"/>
    <mergeCell ref="N22:U22"/>
    <mergeCell ref="V22:W22"/>
    <mergeCell ref="AB22:AH22"/>
    <mergeCell ref="AI22:AL22"/>
    <mergeCell ref="B27:H28"/>
    <mergeCell ref="I27:N27"/>
    <mergeCell ref="AB27:AH28"/>
    <mergeCell ref="AI27:AN27"/>
    <mergeCell ref="I28:X28"/>
    <mergeCell ref="AI28:AX28"/>
    <mergeCell ref="F25:H26"/>
    <mergeCell ref="I25:X25"/>
    <mergeCell ref="AF25:AH26"/>
    <mergeCell ref="AI25:AX25"/>
    <mergeCell ref="I26:X26"/>
    <mergeCell ref="AI26:AX26"/>
    <mergeCell ref="P29:P31"/>
    <mergeCell ref="Q29:Q31"/>
    <mergeCell ref="R29:T31"/>
    <mergeCell ref="U29:V29"/>
    <mergeCell ref="W29:X29"/>
    <mergeCell ref="AB29:AH31"/>
    <mergeCell ref="B29:H31"/>
    <mergeCell ref="I29:J31"/>
    <mergeCell ref="K29:L31"/>
    <mergeCell ref="M29:M31"/>
    <mergeCell ref="N29:N31"/>
    <mergeCell ref="O29:O31"/>
    <mergeCell ref="AQ29:AQ31"/>
    <mergeCell ref="AR29:AT31"/>
    <mergeCell ref="AU29:AV29"/>
    <mergeCell ref="AW29:AX29"/>
    <mergeCell ref="U30:X30"/>
    <mergeCell ref="AU30:AX30"/>
    <mergeCell ref="U31:V31"/>
    <mergeCell ref="W31:X31"/>
    <mergeCell ref="AU31:AV31"/>
    <mergeCell ref="AW31:AX31"/>
    <mergeCell ref="AI29:AJ31"/>
    <mergeCell ref="AK29:AL31"/>
    <mergeCell ref="AM29:AM31"/>
    <mergeCell ref="AN29:AN31"/>
    <mergeCell ref="AO29:AO31"/>
    <mergeCell ref="AP29:AP31"/>
    <mergeCell ref="B32:H34"/>
    <mergeCell ref="I32:I34"/>
    <mergeCell ref="J32:X32"/>
    <mergeCell ref="AB32:AH34"/>
    <mergeCell ref="AI32:AI34"/>
    <mergeCell ref="AJ32:AX32"/>
    <mergeCell ref="J33:X33"/>
    <mergeCell ref="AJ33:AX33"/>
    <mergeCell ref="J34:X34"/>
    <mergeCell ref="AJ34:AX34"/>
    <mergeCell ref="AL36:AM36"/>
    <mergeCell ref="B35:D38"/>
    <mergeCell ref="E35:H35"/>
    <mergeCell ref="I35:O35"/>
    <mergeCell ref="R35:X35"/>
    <mergeCell ref="AB35:AD38"/>
    <mergeCell ref="AE35:AH35"/>
    <mergeCell ref="I38:O38"/>
    <mergeCell ref="AI38:AO38"/>
    <mergeCell ref="AZ2:BA2"/>
    <mergeCell ref="B15:H15"/>
    <mergeCell ref="I15:K15"/>
    <mergeCell ref="L15:M15"/>
    <mergeCell ref="V15:W15"/>
    <mergeCell ref="AN36:AO36"/>
    <mergeCell ref="AR36:AX36"/>
    <mergeCell ref="E37:H38"/>
    <mergeCell ref="I37:O37"/>
    <mergeCell ref="P37:Q38"/>
    <mergeCell ref="R37:X38"/>
    <mergeCell ref="AE37:AH38"/>
    <mergeCell ref="AI37:AO37"/>
    <mergeCell ref="AP37:AQ38"/>
    <mergeCell ref="AR37:AX38"/>
    <mergeCell ref="AI35:AO35"/>
    <mergeCell ref="AR35:AX35"/>
    <mergeCell ref="E36:H36"/>
    <mergeCell ref="I36:J36"/>
    <mergeCell ref="L36:M36"/>
    <mergeCell ref="N36:O36"/>
    <mergeCell ref="R36:X36"/>
    <mergeCell ref="AE36:AH36"/>
    <mergeCell ref="AI36:AJ36"/>
  </mergeCells>
  <phoneticPr fontId="2"/>
  <dataValidations count="12">
    <dataValidation type="whole" imeMode="halfAlpha" operator="greaterThanOrEqual" allowBlank="1" showInputMessage="1" showErrorMessage="1" sqref="R5:S5">
      <formula1>LEFT(BB1,4)+1-1</formula1>
    </dataValidation>
    <dataValidation type="whole" allowBlank="1" showInputMessage="1" showErrorMessage="1" sqref="P29:P31 AP29:AP31 Q15">
      <formula1>1</formula1>
      <formula2>31</formula2>
    </dataValidation>
    <dataValidation type="whole" allowBlank="1" showInputMessage="1" showErrorMessage="1" sqref="N29:N31 AN29:AN31 O15">
      <formula1>1</formula1>
      <formula2>12</formula2>
    </dataValidation>
    <dataValidation type="textLength" operator="equal" allowBlank="1" showInputMessage="1" showErrorMessage="1" sqref="L24:M24 L36:M36 AL24:AM24 AL36:AM36">
      <formula1>4</formula1>
    </dataValidation>
    <dataValidation type="textLength" operator="equal" allowBlank="1" showInputMessage="1" showErrorMessage="1" sqref="I24:J24 I36:J36 AI24:AJ24 AI36:AJ36">
      <formula1>3</formula1>
    </dataValidation>
    <dataValidation type="whole" allowBlank="1" showInputMessage="1" showErrorMessage="1" sqref="K29:L31 U29:V29 U31:V31 AK29:AL31 AU29:AV29 AU31:AV31">
      <formula1>2019</formula1>
      <formula2>2050</formula2>
    </dataValidation>
    <dataValidation type="list" showInputMessage="1" showErrorMessage="1" sqref="I32:I34 AI32:AI34">
      <formula1>"○,"</formula1>
    </dataValidation>
    <dataValidation type="whole" operator="lessThanOrEqual" allowBlank="1" showInputMessage="1" showErrorMessage="1" sqref="P27 AP27">
      <formula1>50</formula1>
    </dataValidation>
    <dataValidation type="whole" imeMode="halfAlpha" operator="greaterThanOrEqual" allowBlank="1" showInputMessage="1" showErrorMessage="1" sqref="AR5:AS5">
      <formula1>LEFT(CA1,4)+1-1</formula1>
    </dataValidation>
    <dataValidation type="whole" imeMode="halfAlpha" allowBlank="1" showInputMessage="1" showErrorMessage="1" sqref="U5 AU5">
      <formula1>1</formula1>
      <formula2>12</formula2>
    </dataValidation>
    <dataValidation type="whole" imeMode="halfAlpha" allowBlank="1" showInputMessage="1" showErrorMessage="1" sqref="W5 AW5">
      <formula1>1</formula1>
      <formula2>31</formula2>
    </dataValidation>
    <dataValidation type="whole" operator="greaterThanOrEqual" allowBlank="1" showInputMessage="1" showErrorMessage="1" sqref="L15:M15">
      <formula1>2024</formula1>
    </dataValidation>
  </dataValidations>
  <pageMargins left="0.7" right="0.7" top="0.75" bottom="0.75" header="0.3" footer="0.3"/>
  <pageSetup paperSize="9" scale="89" orientation="portrait" r:id="rId1"/>
  <colBreaks count="3" manualBreakCount="3">
    <brk id="24" max="37" man="1"/>
    <brk id="25" min="7" max="37" man="1"/>
    <brk id="50" min="7" max="37" man="1"/>
  </col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Option Button 1">
              <controlPr locked="0" defaultSize="0" autoFill="0" autoLine="0" autoPict="0">
                <anchor moveWithCells="1">
                  <from>
                    <xdr:col>8</xdr:col>
                    <xdr:colOff>152400</xdr:colOff>
                    <xdr:row>15</xdr:row>
                    <xdr:rowOff>22860</xdr:rowOff>
                  </from>
                  <to>
                    <xdr:col>9</xdr:col>
                    <xdr:colOff>198120</xdr:colOff>
                    <xdr:row>16</xdr:row>
                    <xdr:rowOff>0</xdr:rowOff>
                  </to>
                </anchor>
              </controlPr>
            </control>
          </mc:Choice>
        </mc:AlternateContent>
        <mc:AlternateContent xmlns:mc="http://schemas.openxmlformats.org/markup-compatibility/2006">
          <mc:Choice Requires="x14">
            <control shapeId="2050" r:id="rId5" name="Option Button 2">
              <controlPr locked="0" defaultSize="0" autoFill="0" autoLine="0" autoPict="0">
                <anchor moveWithCells="1">
                  <from>
                    <xdr:col>8</xdr:col>
                    <xdr:colOff>152400</xdr:colOff>
                    <xdr:row>16</xdr:row>
                    <xdr:rowOff>22860</xdr:rowOff>
                  </from>
                  <to>
                    <xdr:col>9</xdr:col>
                    <xdr:colOff>198120</xdr:colOff>
                    <xdr:row>17</xdr:row>
                    <xdr:rowOff>0</xdr:rowOff>
                  </to>
                </anchor>
              </controlPr>
            </control>
          </mc:Choice>
        </mc:AlternateContent>
        <mc:AlternateContent xmlns:mc="http://schemas.openxmlformats.org/markup-compatibility/2006">
          <mc:Choice Requires="x14">
            <control shapeId="2051" r:id="rId6" name="Option Button 3">
              <controlPr locked="0" defaultSize="0" autoFill="0" autoLine="0" autoPict="0">
                <anchor moveWithCells="1">
                  <from>
                    <xdr:col>16</xdr:col>
                    <xdr:colOff>144780</xdr:colOff>
                    <xdr:row>15</xdr:row>
                    <xdr:rowOff>22860</xdr:rowOff>
                  </from>
                  <to>
                    <xdr:col>17</xdr:col>
                    <xdr:colOff>190500</xdr:colOff>
                    <xdr:row>16</xdr:row>
                    <xdr:rowOff>0</xdr:rowOff>
                  </to>
                </anchor>
              </controlPr>
            </control>
          </mc:Choice>
        </mc:AlternateContent>
        <mc:AlternateContent xmlns:mc="http://schemas.openxmlformats.org/markup-compatibility/2006">
          <mc:Choice Requires="x14">
            <control shapeId="2052" r:id="rId7" name="Option Button 4">
              <controlPr locked="0" defaultSize="0" autoFill="0" autoLine="0" autoPict="0">
                <anchor moveWithCells="1">
                  <from>
                    <xdr:col>16</xdr:col>
                    <xdr:colOff>144780</xdr:colOff>
                    <xdr:row>16</xdr:row>
                    <xdr:rowOff>22860</xdr:rowOff>
                  </from>
                  <to>
                    <xdr:col>17</xdr:col>
                    <xdr:colOff>190500</xdr:colOff>
                    <xdr:row>17</xdr:row>
                    <xdr:rowOff>0</xdr:rowOff>
                  </to>
                </anchor>
              </controlPr>
            </control>
          </mc:Choice>
        </mc:AlternateContent>
        <mc:AlternateContent xmlns:mc="http://schemas.openxmlformats.org/markup-compatibility/2006">
          <mc:Choice Requires="x14">
            <control shapeId="2053" r:id="rId8" name="Option Button 5">
              <controlPr locked="0" defaultSize="0" autoFill="0" autoLine="0" autoPict="0">
                <anchor moveWithCells="1">
                  <from>
                    <xdr:col>8</xdr:col>
                    <xdr:colOff>160020</xdr:colOff>
                    <xdr:row>18</xdr:row>
                    <xdr:rowOff>7620</xdr:rowOff>
                  </from>
                  <to>
                    <xdr:col>9</xdr:col>
                    <xdr:colOff>182880</xdr:colOff>
                    <xdr:row>18</xdr:row>
                    <xdr:rowOff>259080</xdr:rowOff>
                  </to>
                </anchor>
              </controlPr>
            </control>
          </mc:Choice>
        </mc:AlternateContent>
        <mc:AlternateContent xmlns:mc="http://schemas.openxmlformats.org/markup-compatibility/2006">
          <mc:Choice Requires="x14">
            <control shapeId="2054" r:id="rId9" name="Option Button 6">
              <controlPr locked="0" defaultSize="0" autoFill="0" autoLine="0" autoPict="0">
                <anchor moveWithCells="1">
                  <from>
                    <xdr:col>8</xdr:col>
                    <xdr:colOff>160020</xdr:colOff>
                    <xdr:row>19</xdr:row>
                    <xdr:rowOff>22860</xdr:rowOff>
                  </from>
                  <to>
                    <xdr:col>9</xdr:col>
                    <xdr:colOff>182880</xdr:colOff>
                    <xdr:row>19</xdr:row>
                    <xdr:rowOff>259080</xdr:rowOff>
                  </to>
                </anchor>
              </controlPr>
            </control>
          </mc:Choice>
        </mc:AlternateContent>
        <mc:AlternateContent xmlns:mc="http://schemas.openxmlformats.org/markup-compatibility/2006">
          <mc:Choice Requires="x14">
            <control shapeId="2055" r:id="rId10" name="Option Button 7">
              <controlPr locked="0" defaultSize="0" autoFill="0" autoLine="0" autoPict="0">
                <anchor moveWithCells="1">
                  <from>
                    <xdr:col>8</xdr:col>
                    <xdr:colOff>160020</xdr:colOff>
                    <xdr:row>20</xdr:row>
                    <xdr:rowOff>22860</xdr:rowOff>
                  </from>
                  <to>
                    <xdr:col>9</xdr:col>
                    <xdr:colOff>182880</xdr:colOff>
                    <xdr:row>21</xdr:row>
                    <xdr:rowOff>0</xdr:rowOff>
                  </to>
                </anchor>
              </controlPr>
            </control>
          </mc:Choice>
        </mc:AlternateContent>
        <mc:AlternateContent xmlns:mc="http://schemas.openxmlformats.org/markup-compatibility/2006">
          <mc:Choice Requires="x14">
            <control shapeId="2056" r:id="rId11" name="Option Button 8">
              <controlPr locked="0" defaultSize="0" autoFill="0" autoLine="0" autoPict="0">
                <anchor moveWithCells="1">
                  <from>
                    <xdr:col>16</xdr:col>
                    <xdr:colOff>137160</xdr:colOff>
                    <xdr:row>18</xdr:row>
                    <xdr:rowOff>7620</xdr:rowOff>
                  </from>
                  <to>
                    <xdr:col>17</xdr:col>
                    <xdr:colOff>137160</xdr:colOff>
                    <xdr:row>18</xdr:row>
                    <xdr:rowOff>259080</xdr:rowOff>
                  </to>
                </anchor>
              </controlPr>
            </control>
          </mc:Choice>
        </mc:AlternateContent>
        <mc:AlternateContent xmlns:mc="http://schemas.openxmlformats.org/markup-compatibility/2006">
          <mc:Choice Requires="x14">
            <control shapeId="2057" r:id="rId12" name="Option Button 9">
              <controlPr locked="0" defaultSize="0" autoFill="0" autoLine="0" autoPict="0">
                <anchor moveWithCells="1">
                  <from>
                    <xdr:col>16</xdr:col>
                    <xdr:colOff>137160</xdr:colOff>
                    <xdr:row>19</xdr:row>
                    <xdr:rowOff>22860</xdr:rowOff>
                  </from>
                  <to>
                    <xdr:col>17</xdr:col>
                    <xdr:colOff>137160</xdr:colOff>
                    <xdr:row>19</xdr:row>
                    <xdr:rowOff>259080</xdr:rowOff>
                  </to>
                </anchor>
              </controlPr>
            </control>
          </mc:Choice>
        </mc:AlternateContent>
        <mc:AlternateContent xmlns:mc="http://schemas.openxmlformats.org/markup-compatibility/2006">
          <mc:Choice Requires="x14">
            <control shapeId="2058" r:id="rId13" name="Option Button 10">
              <controlPr locked="0" defaultSize="0" autoFill="0" autoLine="0" autoPict="0">
                <anchor moveWithCells="1">
                  <from>
                    <xdr:col>16</xdr:col>
                    <xdr:colOff>137160</xdr:colOff>
                    <xdr:row>20</xdr:row>
                    <xdr:rowOff>22860</xdr:rowOff>
                  </from>
                  <to>
                    <xdr:col>17</xdr:col>
                    <xdr:colOff>137160</xdr:colOff>
                    <xdr:row>21</xdr:row>
                    <xdr:rowOff>0</xdr:rowOff>
                  </to>
                </anchor>
              </controlPr>
            </control>
          </mc:Choice>
        </mc:AlternateContent>
        <mc:AlternateContent xmlns:mc="http://schemas.openxmlformats.org/markup-compatibility/2006">
          <mc:Choice Requires="x14">
            <control shapeId="2064" r:id="rId14" name="Option Button 16">
              <controlPr defaultSize="0" autoFill="0" autoLine="0" autoPict="0">
                <anchor moveWithCells="1">
                  <from>
                    <xdr:col>34</xdr:col>
                    <xdr:colOff>160020</xdr:colOff>
                    <xdr:row>18</xdr:row>
                    <xdr:rowOff>7620</xdr:rowOff>
                  </from>
                  <to>
                    <xdr:col>35</xdr:col>
                    <xdr:colOff>182880</xdr:colOff>
                    <xdr:row>18</xdr:row>
                    <xdr:rowOff>259080</xdr:rowOff>
                  </to>
                </anchor>
              </controlPr>
            </control>
          </mc:Choice>
        </mc:AlternateContent>
        <mc:AlternateContent xmlns:mc="http://schemas.openxmlformats.org/markup-compatibility/2006">
          <mc:Choice Requires="x14">
            <control shapeId="2065" r:id="rId15" name="Option Button 17">
              <controlPr defaultSize="0" autoFill="0" autoLine="0" autoPict="0">
                <anchor moveWithCells="1">
                  <from>
                    <xdr:col>34</xdr:col>
                    <xdr:colOff>160020</xdr:colOff>
                    <xdr:row>19</xdr:row>
                    <xdr:rowOff>22860</xdr:rowOff>
                  </from>
                  <to>
                    <xdr:col>35</xdr:col>
                    <xdr:colOff>182880</xdr:colOff>
                    <xdr:row>19</xdr:row>
                    <xdr:rowOff>259080</xdr:rowOff>
                  </to>
                </anchor>
              </controlPr>
            </control>
          </mc:Choice>
        </mc:AlternateContent>
        <mc:AlternateContent xmlns:mc="http://schemas.openxmlformats.org/markup-compatibility/2006">
          <mc:Choice Requires="x14">
            <control shapeId="2066" r:id="rId16" name="Option Button 18">
              <controlPr defaultSize="0" autoFill="0" autoLine="0" autoPict="0">
                <anchor moveWithCells="1">
                  <from>
                    <xdr:col>34</xdr:col>
                    <xdr:colOff>160020</xdr:colOff>
                    <xdr:row>20</xdr:row>
                    <xdr:rowOff>22860</xdr:rowOff>
                  </from>
                  <to>
                    <xdr:col>35</xdr:col>
                    <xdr:colOff>182880</xdr:colOff>
                    <xdr:row>21</xdr:row>
                    <xdr:rowOff>0</xdr:rowOff>
                  </to>
                </anchor>
              </controlPr>
            </control>
          </mc:Choice>
        </mc:AlternateContent>
        <mc:AlternateContent xmlns:mc="http://schemas.openxmlformats.org/markup-compatibility/2006">
          <mc:Choice Requires="x14">
            <control shapeId="2067" r:id="rId17" name="Option Button 19">
              <controlPr defaultSize="0" autoFill="0" autoLine="0" autoPict="0">
                <anchor moveWithCells="1">
                  <from>
                    <xdr:col>42</xdr:col>
                    <xdr:colOff>137160</xdr:colOff>
                    <xdr:row>18</xdr:row>
                    <xdr:rowOff>7620</xdr:rowOff>
                  </from>
                  <to>
                    <xdr:col>43</xdr:col>
                    <xdr:colOff>137160</xdr:colOff>
                    <xdr:row>18</xdr:row>
                    <xdr:rowOff>259080</xdr:rowOff>
                  </to>
                </anchor>
              </controlPr>
            </control>
          </mc:Choice>
        </mc:AlternateContent>
        <mc:AlternateContent xmlns:mc="http://schemas.openxmlformats.org/markup-compatibility/2006">
          <mc:Choice Requires="x14">
            <control shapeId="2068" r:id="rId18" name="Option Button 20">
              <controlPr defaultSize="0" autoFill="0" autoLine="0" autoPict="0">
                <anchor moveWithCells="1">
                  <from>
                    <xdr:col>42</xdr:col>
                    <xdr:colOff>137160</xdr:colOff>
                    <xdr:row>19</xdr:row>
                    <xdr:rowOff>22860</xdr:rowOff>
                  </from>
                  <to>
                    <xdr:col>43</xdr:col>
                    <xdr:colOff>137160</xdr:colOff>
                    <xdr:row>19</xdr:row>
                    <xdr:rowOff>259080</xdr:rowOff>
                  </to>
                </anchor>
              </controlPr>
            </control>
          </mc:Choice>
        </mc:AlternateContent>
        <mc:AlternateContent xmlns:mc="http://schemas.openxmlformats.org/markup-compatibility/2006">
          <mc:Choice Requires="x14">
            <control shapeId="2069" r:id="rId19" name="Option Button 21">
              <controlPr defaultSize="0" autoFill="0" autoLine="0" autoPict="0">
                <anchor moveWithCells="1">
                  <from>
                    <xdr:col>42</xdr:col>
                    <xdr:colOff>137160</xdr:colOff>
                    <xdr:row>20</xdr:row>
                    <xdr:rowOff>22860</xdr:rowOff>
                  </from>
                  <to>
                    <xdr:col>43</xdr:col>
                    <xdr:colOff>137160</xdr:colOff>
                    <xdr:row>21</xdr:row>
                    <xdr:rowOff>0</xdr:rowOff>
                  </to>
                </anchor>
              </controlPr>
            </control>
          </mc:Choice>
        </mc:AlternateContent>
        <mc:AlternateContent xmlns:mc="http://schemas.openxmlformats.org/markup-compatibility/2006">
          <mc:Choice Requires="x14">
            <control shapeId="2071" r:id="rId20" name="Check Box 23">
              <controlPr defaultSize="0" autoFill="0" autoLine="0" autoPict="0">
                <anchor moveWithCells="1">
                  <from>
                    <xdr:col>24</xdr:col>
                    <xdr:colOff>327660</xdr:colOff>
                    <xdr:row>4</xdr:row>
                    <xdr:rowOff>0</xdr:rowOff>
                  </from>
                  <to>
                    <xdr:col>24</xdr:col>
                    <xdr:colOff>601980</xdr:colOff>
                    <xdr:row>5</xdr:row>
                    <xdr:rowOff>30480</xdr:rowOff>
                  </to>
                </anchor>
              </controlPr>
            </control>
          </mc:Choice>
        </mc:AlternateContent>
        <mc:AlternateContent xmlns:mc="http://schemas.openxmlformats.org/markup-compatibility/2006">
          <mc:Choice Requires="x14">
            <control shapeId="2072" r:id="rId21" name="Check Box 24">
              <controlPr defaultSize="0" autoFill="0" autoLine="0" autoPict="0">
                <anchor moveWithCells="1">
                  <from>
                    <xdr:col>24</xdr:col>
                    <xdr:colOff>327660</xdr:colOff>
                    <xdr:row>5</xdr:row>
                    <xdr:rowOff>259080</xdr:rowOff>
                  </from>
                  <to>
                    <xdr:col>24</xdr:col>
                    <xdr:colOff>601980</xdr:colOff>
                    <xdr:row>7</xdr:row>
                    <xdr:rowOff>121920</xdr:rowOff>
                  </to>
                </anchor>
              </controlPr>
            </control>
          </mc:Choice>
        </mc:AlternateContent>
        <mc:AlternateContent xmlns:mc="http://schemas.openxmlformats.org/markup-compatibility/2006">
          <mc:Choice Requires="x14">
            <control shapeId="2073" r:id="rId22" name="Check Box 25">
              <controlPr defaultSize="0" autoFill="0" autoLine="0" autoPict="0">
                <anchor moveWithCells="1">
                  <from>
                    <xdr:col>24</xdr:col>
                    <xdr:colOff>335280</xdr:colOff>
                    <xdr:row>8</xdr:row>
                    <xdr:rowOff>152400</xdr:rowOff>
                  </from>
                  <to>
                    <xdr:col>24</xdr:col>
                    <xdr:colOff>609600</xdr:colOff>
                    <xdr:row>9</xdr:row>
                    <xdr:rowOff>182880</xdr:rowOff>
                  </to>
                </anchor>
              </controlPr>
            </control>
          </mc:Choice>
        </mc:AlternateContent>
        <mc:AlternateContent xmlns:mc="http://schemas.openxmlformats.org/markup-compatibility/2006">
          <mc:Choice Requires="x14">
            <control shapeId="2074" r:id="rId23" name="Check Box 26">
              <controlPr defaultSize="0" autoFill="0" autoLine="0" autoPict="0">
                <anchor moveWithCells="1">
                  <from>
                    <xdr:col>24</xdr:col>
                    <xdr:colOff>373380</xdr:colOff>
                    <xdr:row>19</xdr:row>
                    <xdr:rowOff>0</xdr:rowOff>
                  </from>
                  <to>
                    <xdr:col>24</xdr:col>
                    <xdr:colOff>655320</xdr:colOff>
                    <xdr:row>20</xdr:row>
                    <xdr:rowOff>30480</xdr:rowOff>
                  </to>
                </anchor>
              </controlPr>
            </control>
          </mc:Choice>
        </mc:AlternateContent>
        <mc:AlternateContent xmlns:mc="http://schemas.openxmlformats.org/markup-compatibility/2006">
          <mc:Choice Requires="x14">
            <control shapeId="2075" r:id="rId24" name="Check Box 27">
              <controlPr defaultSize="0" autoFill="0" autoLine="0" autoPict="0">
                <anchor moveWithCells="1">
                  <from>
                    <xdr:col>24</xdr:col>
                    <xdr:colOff>327660</xdr:colOff>
                    <xdr:row>12</xdr:row>
                    <xdr:rowOff>228600</xdr:rowOff>
                  </from>
                  <to>
                    <xdr:col>24</xdr:col>
                    <xdr:colOff>601980</xdr:colOff>
                    <xdr:row>14</xdr:row>
                    <xdr:rowOff>99060</xdr:rowOff>
                  </to>
                </anchor>
              </controlPr>
            </control>
          </mc:Choice>
        </mc:AlternateContent>
        <mc:AlternateContent xmlns:mc="http://schemas.openxmlformats.org/markup-compatibility/2006">
          <mc:Choice Requires="x14">
            <control shapeId="2076" r:id="rId25" name="Check Box 28">
              <controlPr defaultSize="0" autoFill="0" autoLine="0" autoPict="0">
                <anchor moveWithCells="1">
                  <from>
                    <xdr:col>24</xdr:col>
                    <xdr:colOff>373380</xdr:colOff>
                    <xdr:row>25</xdr:row>
                    <xdr:rowOff>144780</xdr:rowOff>
                  </from>
                  <to>
                    <xdr:col>24</xdr:col>
                    <xdr:colOff>655320</xdr:colOff>
                    <xdr:row>26</xdr:row>
                    <xdr:rowOff>182880</xdr:rowOff>
                  </to>
                </anchor>
              </controlPr>
            </control>
          </mc:Choice>
        </mc:AlternateContent>
        <mc:AlternateContent xmlns:mc="http://schemas.openxmlformats.org/markup-compatibility/2006">
          <mc:Choice Requires="x14">
            <control shapeId="2077" r:id="rId26" name="Check Box 29">
              <controlPr defaultSize="0" autoFill="0" autoLine="0" autoPict="0">
                <anchor moveWithCells="1">
                  <from>
                    <xdr:col>24</xdr:col>
                    <xdr:colOff>365760</xdr:colOff>
                    <xdr:row>34</xdr:row>
                    <xdr:rowOff>236220</xdr:rowOff>
                  </from>
                  <to>
                    <xdr:col>24</xdr:col>
                    <xdr:colOff>640080</xdr:colOff>
                    <xdr:row>36</xdr:row>
                    <xdr:rowOff>0</xdr:rowOff>
                  </to>
                </anchor>
              </controlPr>
            </control>
          </mc:Choice>
        </mc:AlternateContent>
        <mc:AlternateContent xmlns:mc="http://schemas.openxmlformats.org/markup-compatibility/2006">
          <mc:Choice Requires="x14">
            <control shapeId="2091" r:id="rId27" name="Group Box 43">
              <controlPr defaultSize="0" autoFill="0" autoPict="0">
                <anchor moveWithCells="1">
                  <from>
                    <xdr:col>31</xdr:col>
                    <xdr:colOff>251460</xdr:colOff>
                    <xdr:row>17</xdr:row>
                    <xdr:rowOff>228600</xdr:rowOff>
                  </from>
                  <to>
                    <xdr:col>48</xdr:col>
                    <xdr:colOff>236220</xdr:colOff>
                    <xdr:row>21</xdr:row>
                    <xdr:rowOff>175260</xdr:rowOff>
                  </to>
                </anchor>
              </controlPr>
            </control>
          </mc:Choice>
        </mc:AlternateContent>
        <mc:AlternateContent xmlns:mc="http://schemas.openxmlformats.org/markup-compatibility/2006">
          <mc:Choice Requires="x14">
            <control shapeId="2092" r:id="rId28" name="Group Box 44">
              <controlPr defaultSize="0" autoFill="0" autoPict="0">
                <anchor moveWithCells="1">
                  <from>
                    <xdr:col>6</xdr:col>
                    <xdr:colOff>45720</xdr:colOff>
                    <xdr:row>14</xdr:row>
                    <xdr:rowOff>228600</xdr:rowOff>
                  </from>
                  <to>
                    <xdr:col>21</xdr:col>
                    <xdr:colOff>0</xdr:colOff>
                    <xdr:row>17</xdr:row>
                    <xdr:rowOff>121920</xdr:rowOff>
                  </to>
                </anchor>
              </controlPr>
            </control>
          </mc:Choice>
        </mc:AlternateContent>
        <mc:AlternateContent xmlns:mc="http://schemas.openxmlformats.org/markup-compatibility/2006">
          <mc:Choice Requires="x14">
            <control shapeId="2093" r:id="rId29" name="Group Box 45">
              <controlPr defaultSize="0" autoFill="0" autoPict="0">
                <anchor moveWithCells="1">
                  <from>
                    <xdr:col>6</xdr:col>
                    <xdr:colOff>7620</xdr:colOff>
                    <xdr:row>17</xdr:row>
                    <xdr:rowOff>228600</xdr:rowOff>
                  </from>
                  <to>
                    <xdr:col>21</xdr:col>
                    <xdr:colOff>198120</xdr:colOff>
                    <xdr:row>21</xdr:row>
                    <xdr:rowOff>121920</xdr:rowOff>
                  </to>
                </anchor>
              </controlPr>
            </control>
          </mc:Choice>
        </mc:AlternateContent>
        <mc:AlternateContent xmlns:mc="http://schemas.openxmlformats.org/markup-compatibility/2006">
          <mc:Choice Requires="x14">
            <control shapeId="2060" r:id="rId30" name="Option Button 12">
              <controlPr defaultSize="0" autoFill="0" autoLine="0" autoPict="0">
                <anchor moveWithCells="1">
                  <from>
                    <xdr:col>34</xdr:col>
                    <xdr:colOff>152400</xdr:colOff>
                    <xdr:row>15</xdr:row>
                    <xdr:rowOff>22860</xdr:rowOff>
                  </from>
                  <to>
                    <xdr:col>35</xdr:col>
                    <xdr:colOff>198120</xdr:colOff>
                    <xdr:row>16</xdr:row>
                    <xdr:rowOff>0</xdr:rowOff>
                  </to>
                </anchor>
              </controlPr>
            </control>
          </mc:Choice>
        </mc:AlternateContent>
        <mc:AlternateContent xmlns:mc="http://schemas.openxmlformats.org/markup-compatibility/2006">
          <mc:Choice Requires="x14">
            <control shapeId="2061" r:id="rId31" name="Option Button 13">
              <controlPr defaultSize="0" autoFill="0" autoLine="0" autoPict="0">
                <anchor moveWithCells="1">
                  <from>
                    <xdr:col>34</xdr:col>
                    <xdr:colOff>152400</xdr:colOff>
                    <xdr:row>16</xdr:row>
                    <xdr:rowOff>22860</xdr:rowOff>
                  </from>
                  <to>
                    <xdr:col>35</xdr:col>
                    <xdr:colOff>198120</xdr:colOff>
                    <xdr:row>17</xdr:row>
                    <xdr:rowOff>0</xdr:rowOff>
                  </to>
                </anchor>
              </controlPr>
            </control>
          </mc:Choice>
        </mc:AlternateContent>
        <mc:AlternateContent xmlns:mc="http://schemas.openxmlformats.org/markup-compatibility/2006">
          <mc:Choice Requires="x14">
            <control shapeId="2062" r:id="rId32" name="Option Button 14">
              <controlPr defaultSize="0" autoFill="0" autoLine="0" autoPict="0">
                <anchor moveWithCells="1">
                  <from>
                    <xdr:col>42</xdr:col>
                    <xdr:colOff>144780</xdr:colOff>
                    <xdr:row>15</xdr:row>
                    <xdr:rowOff>22860</xdr:rowOff>
                  </from>
                  <to>
                    <xdr:col>43</xdr:col>
                    <xdr:colOff>190500</xdr:colOff>
                    <xdr:row>16</xdr:row>
                    <xdr:rowOff>0</xdr:rowOff>
                  </to>
                </anchor>
              </controlPr>
            </control>
          </mc:Choice>
        </mc:AlternateContent>
        <mc:AlternateContent xmlns:mc="http://schemas.openxmlformats.org/markup-compatibility/2006">
          <mc:Choice Requires="x14">
            <control shapeId="2063" r:id="rId33" name="Option Button 15">
              <controlPr defaultSize="0" autoFill="0" autoLine="0" autoPict="0">
                <anchor moveWithCells="1">
                  <from>
                    <xdr:col>42</xdr:col>
                    <xdr:colOff>144780</xdr:colOff>
                    <xdr:row>16</xdr:row>
                    <xdr:rowOff>22860</xdr:rowOff>
                  </from>
                  <to>
                    <xdr:col>43</xdr:col>
                    <xdr:colOff>190500</xdr:colOff>
                    <xdr:row>17</xdr:row>
                    <xdr:rowOff>0</xdr:rowOff>
                  </to>
                </anchor>
              </controlPr>
            </control>
          </mc:Choice>
        </mc:AlternateContent>
        <mc:AlternateContent xmlns:mc="http://schemas.openxmlformats.org/markup-compatibility/2006">
          <mc:Choice Requires="x14">
            <control shapeId="2090" r:id="rId34" name="Group Box 42">
              <controlPr defaultSize="0" autoFill="0" autoPict="0">
                <anchor moveWithCells="1">
                  <from>
                    <xdr:col>32</xdr:col>
                    <xdr:colOff>7620</xdr:colOff>
                    <xdr:row>14</xdr:row>
                    <xdr:rowOff>175260</xdr:rowOff>
                  </from>
                  <to>
                    <xdr:col>49</xdr:col>
                    <xdr:colOff>30480</xdr:colOff>
                    <xdr:row>17</xdr:row>
                    <xdr:rowOff>1524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B3134"/>
  <sheetViews>
    <sheetView topLeftCell="A1967" workbookViewId="0">
      <selection activeCell="I1994" sqref="I1994"/>
    </sheetView>
  </sheetViews>
  <sheetFormatPr defaultRowHeight="14.4"/>
  <cols>
    <col min="1" max="1" width="9" style="8"/>
    <col min="2" max="2" width="25.69921875" style="8" bestFit="1" customWidth="1"/>
  </cols>
  <sheetData>
    <row r="1" spans="1:2">
      <c r="A1" s="8" t="s">
        <v>133</v>
      </c>
      <c r="B1" s="8" t="s">
        <v>134</v>
      </c>
    </row>
    <row r="2" spans="1:2">
      <c r="A2" s="8">
        <v>2300000</v>
      </c>
      <c r="B2" s="8" t="s">
        <v>76</v>
      </c>
    </row>
    <row r="3" spans="1:2">
      <c r="A3" s="8">
        <v>2300033</v>
      </c>
      <c r="B3" s="8" t="s">
        <v>136</v>
      </c>
    </row>
    <row r="4" spans="1:2">
      <c r="A4" s="8">
        <v>2300035</v>
      </c>
      <c r="B4" s="8" t="s">
        <v>137</v>
      </c>
    </row>
    <row r="5" spans="1:2">
      <c r="A5" s="8">
        <v>2300021</v>
      </c>
      <c r="B5" s="8" t="s">
        <v>138</v>
      </c>
    </row>
    <row r="6" spans="1:2">
      <c r="A6" s="8">
        <v>2300024</v>
      </c>
      <c r="B6" s="8" t="s">
        <v>139</v>
      </c>
    </row>
    <row r="7" spans="1:2">
      <c r="A7" s="8">
        <v>2300022</v>
      </c>
      <c r="B7" s="8" t="s">
        <v>140</v>
      </c>
    </row>
    <row r="8" spans="1:2">
      <c r="A8" s="8">
        <v>2300023</v>
      </c>
      <c r="B8" s="8" t="s">
        <v>141</v>
      </c>
    </row>
    <row r="9" spans="1:2">
      <c r="A9" s="8">
        <v>2300026</v>
      </c>
      <c r="B9" s="8" t="s">
        <v>142</v>
      </c>
    </row>
    <row r="10" spans="1:2">
      <c r="A10" s="8">
        <v>2300025</v>
      </c>
      <c r="B10" s="8" t="s">
        <v>143</v>
      </c>
    </row>
    <row r="11" spans="1:2">
      <c r="A11" s="8">
        <v>2300041</v>
      </c>
      <c r="B11" s="8" t="s">
        <v>144</v>
      </c>
    </row>
    <row r="12" spans="1:2">
      <c r="A12" s="8">
        <v>2300002</v>
      </c>
      <c r="B12" s="8" t="s">
        <v>145</v>
      </c>
    </row>
    <row r="13" spans="1:2">
      <c r="A13" s="8">
        <v>2300055</v>
      </c>
      <c r="B13" s="8" t="s">
        <v>146</v>
      </c>
    </row>
    <row r="14" spans="1:2">
      <c r="A14" s="8">
        <v>2300046</v>
      </c>
      <c r="B14" s="8" t="s">
        <v>147</v>
      </c>
    </row>
    <row r="15" spans="1:2">
      <c r="A15" s="8">
        <v>2300072</v>
      </c>
      <c r="B15" s="8" t="s">
        <v>148</v>
      </c>
    </row>
    <row r="16" spans="1:2">
      <c r="A16" s="8">
        <v>2300011</v>
      </c>
      <c r="B16" s="8" t="s">
        <v>149</v>
      </c>
    </row>
    <row r="17" spans="1:2">
      <c r="A17" s="8">
        <v>2300075</v>
      </c>
      <c r="B17" s="8" t="s">
        <v>150</v>
      </c>
    </row>
    <row r="18" spans="1:2">
      <c r="A18" s="8">
        <v>2300034</v>
      </c>
      <c r="B18" s="8" t="s">
        <v>151</v>
      </c>
    </row>
    <row r="19" spans="1:2">
      <c r="A19" s="8">
        <v>2300078</v>
      </c>
      <c r="B19" s="8" t="s">
        <v>152</v>
      </c>
    </row>
    <row r="20" spans="1:2">
      <c r="A20" s="8">
        <v>2300074</v>
      </c>
      <c r="B20" s="8" t="s">
        <v>153</v>
      </c>
    </row>
    <row r="21" spans="1:2">
      <c r="A21" s="8">
        <v>2300071</v>
      </c>
      <c r="B21" s="8" t="s">
        <v>154</v>
      </c>
    </row>
    <row r="22" spans="1:2">
      <c r="A22" s="8">
        <v>2300038</v>
      </c>
      <c r="B22" s="8" t="s">
        <v>155</v>
      </c>
    </row>
    <row r="23" spans="1:2">
      <c r="A23" s="8">
        <v>2300043</v>
      </c>
      <c r="B23" s="8" t="s">
        <v>156</v>
      </c>
    </row>
    <row r="24" spans="1:2">
      <c r="A24" s="8">
        <v>2300073</v>
      </c>
      <c r="B24" s="8" t="s">
        <v>157</v>
      </c>
    </row>
    <row r="25" spans="1:2">
      <c r="A25" s="8">
        <v>2300047</v>
      </c>
      <c r="B25" s="8" t="s">
        <v>158</v>
      </c>
    </row>
    <row r="26" spans="1:2">
      <c r="A26" s="8">
        <v>2300003</v>
      </c>
      <c r="B26" s="8" t="s">
        <v>159</v>
      </c>
    </row>
    <row r="27" spans="1:2">
      <c r="A27" s="8">
        <v>2300012</v>
      </c>
      <c r="B27" s="8" t="s">
        <v>160</v>
      </c>
    </row>
    <row r="28" spans="1:2">
      <c r="A28" s="8">
        <v>2300045</v>
      </c>
      <c r="B28" s="8" t="s">
        <v>161</v>
      </c>
    </row>
    <row r="29" spans="1:2">
      <c r="A29" s="8">
        <v>2300027</v>
      </c>
      <c r="B29" s="8" t="s">
        <v>162</v>
      </c>
    </row>
    <row r="30" spans="1:2">
      <c r="A30" s="8">
        <v>2300014</v>
      </c>
      <c r="B30" s="8" t="s">
        <v>163</v>
      </c>
    </row>
    <row r="31" spans="1:2">
      <c r="A31" s="8">
        <v>2300053</v>
      </c>
      <c r="B31" s="8" t="s">
        <v>164</v>
      </c>
    </row>
    <row r="32" spans="1:2">
      <c r="A32" s="8">
        <v>2300054</v>
      </c>
      <c r="B32" s="8" t="s">
        <v>165</v>
      </c>
    </row>
    <row r="33" spans="1:2">
      <c r="A33" s="8">
        <v>2300032</v>
      </c>
      <c r="B33" s="8" t="s">
        <v>166</v>
      </c>
    </row>
    <row r="34" spans="1:2">
      <c r="A34" s="8">
        <v>2300061</v>
      </c>
      <c r="B34" s="8" t="s">
        <v>167</v>
      </c>
    </row>
    <row r="35" spans="1:2">
      <c r="A35" s="8">
        <v>2300063</v>
      </c>
      <c r="B35" s="8" t="s">
        <v>168</v>
      </c>
    </row>
    <row r="36" spans="1:2">
      <c r="A36" s="8">
        <v>2300051</v>
      </c>
      <c r="B36" s="8" t="s">
        <v>169</v>
      </c>
    </row>
    <row r="37" spans="1:2">
      <c r="A37" s="8">
        <v>2300015</v>
      </c>
      <c r="B37" s="8" t="s">
        <v>170</v>
      </c>
    </row>
    <row r="38" spans="1:2">
      <c r="A38" s="8">
        <v>2300062</v>
      </c>
      <c r="B38" s="8" t="s">
        <v>171</v>
      </c>
    </row>
    <row r="39" spans="1:2">
      <c r="A39" s="8">
        <v>2300042</v>
      </c>
      <c r="B39" s="8" t="s">
        <v>172</v>
      </c>
    </row>
    <row r="40" spans="1:2">
      <c r="A40" s="8">
        <v>2300052</v>
      </c>
      <c r="B40" s="8" t="s">
        <v>173</v>
      </c>
    </row>
    <row r="41" spans="1:2">
      <c r="A41" s="8">
        <v>2300076</v>
      </c>
      <c r="B41" s="8" t="s">
        <v>174</v>
      </c>
    </row>
    <row r="42" spans="1:2">
      <c r="A42" s="8">
        <v>2300036</v>
      </c>
      <c r="B42" s="8" t="s">
        <v>175</v>
      </c>
    </row>
    <row r="43" spans="1:2">
      <c r="A43" s="8">
        <v>2300077</v>
      </c>
      <c r="B43" s="8" t="s">
        <v>176</v>
      </c>
    </row>
    <row r="44" spans="1:2">
      <c r="A44" s="8">
        <v>2300017</v>
      </c>
      <c r="B44" s="8" t="s">
        <v>177</v>
      </c>
    </row>
    <row r="45" spans="1:2">
      <c r="A45" s="8">
        <v>2300018</v>
      </c>
      <c r="B45" s="8" t="s">
        <v>178</v>
      </c>
    </row>
    <row r="46" spans="1:2">
      <c r="A46" s="8">
        <v>2300016</v>
      </c>
      <c r="B46" s="8" t="s">
        <v>179</v>
      </c>
    </row>
    <row r="47" spans="1:2">
      <c r="A47" s="8">
        <v>2300031</v>
      </c>
      <c r="B47" s="8" t="s">
        <v>180</v>
      </c>
    </row>
    <row r="48" spans="1:2">
      <c r="A48" s="8">
        <v>2300044</v>
      </c>
      <c r="B48" s="8" t="s">
        <v>181</v>
      </c>
    </row>
    <row r="49" spans="1:2">
      <c r="A49" s="8">
        <v>2300048</v>
      </c>
      <c r="B49" s="8" t="s">
        <v>182</v>
      </c>
    </row>
    <row r="50" spans="1:2">
      <c r="A50" s="8">
        <v>2300013</v>
      </c>
      <c r="B50" s="8" t="s">
        <v>183</v>
      </c>
    </row>
    <row r="51" spans="1:2">
      <c r="A51" s="8">
        <v>2300037</v>
      </c>
      <c r="B51" s="8" t="s">
        <v>184</v>
      </c>
    </row>
    <row r="52" spans="1:2">
      <c r="A52" s="8">
        <v>2300004</v>
      </c>
      <c r="B52" s="8" t="s">
        <v>185</v>
      </c>
    </row>
    <row r="53" spans="1:2">
      <c r="A53" s="8">
        <v>2300001</v>
      </c>
      <c r="B53" s="8" t="s">
        <v>186</v>
      </c>
    </row>
    <row r="54" spans="1:2">
      <c r="A54" s="8">
        <v>2210000</v>
      </c>
      <c r="B54" s="8" t="s">
        <v>77</v>
      </c>
    </row>
    <row r="55" spans="1:2">
      <c r="A55" s="8">
        <v>2210057</v>
      </c>
      <c r="B55" s="8" t="s">
        <v>187</v>
      </c>
    </row>
    <row r="56" spans="1:2">
      <c r="A56" s="8">
        <v>2210814</v>
      </c>
      <c r="B56" s="8" t="s">
        <v>188</v>
      </c>
    </row>
    <row r="57" spans="1:2">
      <c r="A57" s="8">
        <v>2210032</v>
      </c>
      <c r="B57" s="8" t="s">
        <v>189</v>
      </c>
    </row>
    <row r="58" spans="1:2">
      <c r="A58" s="8">
        <v>2210842</v>
      </c>
      <c r="B58" s="8" t="s">
        <v>190</v>
      </c>
    </row>
    <row r="59" spans="1:2">
      <c r="A59" s="8">
        <v>2210014</v>
      </c>
      <c r="B59" s="8" t="s">
        <v>191</v>
      </c>
    </row>
    <row r="60" spans="1:2">
      <c r="A60" s="8">
        <v>2210062</v>
      </c>
      <c r="B60" s="8" t="s">
        <v>192</v>
      </c>
    </row>
    <row r="61" spans="1:2">
      <c r="A61" s="8">
        <v>2210042</v>
      </c>
      <c r="B61" s="8" t="s">
        <v>193</v>
      </c>
    </row>
    <row r="62" spans="1:2">
      <c r="A62" s="8">
        <v>2210024</v>
      </c>
      <c r="B62" s="8" t="s">
        <v>194</v>
      </c>
    </row>
    <row r="63" spans="1:2">
      <c r="A63" s="8">
        <v>2210002</v>
      </c>
      <c r="B63" s="8" t="s">
        <v>195</v>
      </c>
    </row>
    <row r="64" spans="1:2">
      <c r="A64" s="8">
        <v>2210003</v>
      </c>
      <c r="B64" s="8" t="s">
        <v>196</v>
      </c>
    </row>
    <row r="65" spans="1:2">
      <c r="A65" s="8">
        <v>2210055</v>
      </c>
      <c r="B65" s="8" t="s">
        <v>197</v>
      </c>
    </row>
    <row r="66" spans="1:2">
      <c r="A66" s="8">
        <v>2210865</v>
      </c>
      <c r="B66" s="8" t="s">
        <v>198</v>
      </c>
    </row>
    <row r="67" spans="1:2">
      <c r="A67" s="8">
        <v>2210045</v>
      </c>
      <c r="B67" s="8" t="s">
        <v>199</v>
      </c>
    </row>
    <row r="68" spans="1:2">
      <c r="A68" s="8">
        <v>2210046</v>
      </c>
      <c r="B68" s="8" t="s">
        <v>200</v>
      </c>
    </row>
    <row r="69" spans="1:2">
      <c r="A69" s="8">
        <v>2210831</v>
      </c>
      <c r="B69" s="8" t="s">
        <v>201</v>
      </c>
    </row>
    <row r="70" spans="1:2">
      <c r="A70" s="8">
        <v>2210011</v>
      </c>
      <c r="B70" s="8" t="s">
        <v>202</v>
      </c>
    </row>
    <row r="71" spans="1:2">
      <c r="A71" s="8">
        <v>2210015</v>
      </c>
      <c r="B71" s="8" t="s">
        <v>203</v>
      </c>
    </row>
    <row r="72" spans="1:2">
      <c r="A72" s="8">
        <v>2210041</v>
      </c>
      <c r="B72" s="8" t="s">
        <v>204</v>
      </c>
    </row>
    <row r="73" spans="1:2">
      <c r="A73" s="8">
        <v>2210801</v>
      </c>
      <c r="B73" s="8" t="s">
        <v>205</v>
      </c>
    </row>
    <row r="74" spans="1:2">
      <c r="A74" s="8">
        <v>2210832</v>
      </c>
      <c r="B74" s="8" t="s">
        <v>206</v>
      </c>
    </row>
    <row r="75" spans="1:2">
      <c r="A75" s="8">
        <v>2210056</v>
      </c>
      <c r="B75" s="8" t="s">
        <v>207</v>
      </c>
    </row>
    <row r="76" spans="1:2">
      <c r="A76" s="8">
        <v>2210804</v>
      </c>
      <c r="B76" s="8" t="s">
        <v>208</v>
      </c>
    </row>
    <row r="77" spans="1:2">
      <c r="A77" s="8">
        <v>2210051</v>
      </c>
      <c r="B77" s="8" t="s">
        <v>209</v>
      </c>
    </row>
    <row r="78" spans="1:2">
      <c r="A78" s="8">
        <v>2210012</v>
      </c>
      <c r="B78" s="8" t="s">
        <v>210</v>
      </c>
    </row>
    <row r="79" spans="1:2">
      <c r="A79" s="8">
        <v>2210021</v>
      </c>
      <c r="B79" s="8" t="s">
        <v>211</v>
      </c>
    </row>
    <row r="80" spans="1:2">
      <c r="A80" s="8">
        <v>2210811</v>
      </c>
      <c r="B80" s="8" t="s">
        <v>212</v>
      </c>
    </row>
    <row r="81" spans="1:2">
      <c r="A81" s="8">
        <v>2210052</v>
      </c>
      <c r="B81" s="8" t="s">
        <v>213</v>
      </c>
    </row>
    <row r="82" spans="1:2">
      <c r="A82" s="8">
        <v>2210844</v>
      </c>
      <c r="B82" s="8" t="s">
        <v>214</v>
      </c>
    </row>
    <row r="83" spans="1:2">
      <c r="A83" s="8">
        <v>2210862</v>
      </c>
      <c r="B83" s="8" t="s">
        <v>215</v>
      </c>
    </row>
    <row r="84" spans="1:2">
      <c r="A84" s="8">
        <v>2210075</v>
      </c>
      <c r="B84" s="8" t="s">
        <v>216</v>
      </c>
    </row>
    <row r="85" spans="1:2">
      <c r="A85" s="8">
        <v>2210071</v>
      </c>
      <c r="B85" s="8" t="s">
        <v>217</v>
      </c>
    </row>
    <row r="86" spans="1:2">
      <c r="A86" s="8">
        <v>2210072</v>
      </c>
      <c r="B86" s="8" t="s">
        <v>218</v>
      </c>
    </row>
    <row r="87" spans="1:2">
      <c r="A87" s="8">
        <v>2210074</v>
      </c>
      <c r="B87" s="8" t="s">
        <v>219</v>
      </c>
    </row>
    <row r="88" spans="1:2">
      <c r="A88" s="8">
        <v>2210073</v>
      </c>
      <c r="B88" s="8" t="s">
        <v>220</v>
      </c>
    </row>
    <row r="89" spans="1:2">
      <c r="A89" s="8">
        <v>2210077</v>
      </c>
      <c r="B89" s="8" t="s">
        <v>221</v>
      </c>
    </row>
    <row r="90" spans="1:2">
      <c r="A90" s="8">
        <v>2210076</v>
      </c>
      <c r="B90" s="8" t="s">
        <v>222</v>
      </c>
    </row>
    <row r="91" spans="1:2">
      <c r="A91" s="8">
        <v>2210031</v>
      </c>
      <c r="B91" s="8" t="s">
        <v>223</v>
      </c>
    </row>
    <row r="92" spans="1:2">
      <c r="A92" s="8">
        <v>2210013</v>
      </c>
      <c r="B92" s="8" t="s">
        <v>224</v>
      </c>
    </row>
    <row r="93" spans="1:2">
      <c r="A93" s="8">
        <v>2210043</v>
      </c>
      <c r="B93" s="8" t="s">
        <v>225</v>
      </c>
    </row>
    <row r="94" spans="1:2">
      <c r="A94" s="8">
        <v>2210864</v>
      </c>
      <c r="B94" s="8" t="s">
        <v>226</v>
      </c>
    </row>
    <row r="95" spans="1:2">
      <c r="A95" s="8">
        <v>2210033</v>
      </c>
      <c r="B95" s="8" t="s">
        <v>227</v>
      </c>
    </row>
    <row r="96" spans="1:2">
      <c r="A96" s="8">
        <v>2210834</v>
      </c>
      <c r="B96" s="8" t="s">
        <v>228</v>
      </c>
    </row>
    <row r="97" spans="1:2">
      <c r="A97" s="8">
        <v>2210833</v>
      </c>
      <c r="B97" s="8" t="s">
        <v>229</v>
      </c>
    </row>
    <row r="98" spans="1:2">
      <c r="A98" s="8">
        <v>2210023</v>
      </c>
      <c r="B98" s="8" t="s">
        <v>230</v>
      </c>
    </row>
    <row r="99" spans="1:2">
      <c r="A99" s="8">
        <v>2210063</v>
      </c>
      <c r="B99" s="8" t="s">
        <v>231</v>
      </c>
    </row>
    <row r="100" spans="1:2">
      <c r="A100" s="8">
        <v>2210825</v>
      </c>
      <c r="B100" s="8" t="s">
        <v>232</v>
      </c>
    </row>
    <row r="101" spans="1:2">
      <c r="A101" s="8">
        <v>2210036</v>
      </c>
      <c r="B101" s="8" t="s">
        <v>233</v>
      </c>
    </row>
    <row r="102" spans="1:2">
      <c r="A102" s="8">
        <v>2210835</v>
      </c>
      <c r="B102" s="8" t="s">
        <v>234</v>
      </c>
    </row>
    <row r="103" spans="1:2">
      <c r="A103" s="8">
        <v>2210821</v>
      </c>
      <c r="B103" s="8" t="s">
        <v>235</v>
      </c>
    </row>
    <row r="104" spans="1:2">
      <c r="A104" s="8">
        <v>2210064</v>
      </c>
      <c r="B104" s="8" t="s">
        <v>236</v>
      </c>
    </row>
    <row r="105" spans="1:2">
      <c r="A105" s="8">
        <v>2210803</v>
      </c>
      <c r="B105" s="8" t="s">
        <v>237</v>
      </c>
    </row>
    <row r="106" spans="1:2">
      <c r="A106" s="8">
        <v>2210061</v>
      </c>
      <c r="B106" s="8" t="s">
        <v>238</v>
      </c>
    </row>
    <row r="107" spans="1:2">
      <c r="A107" s="8">
        <v>2210004</v>
      </c>
      <c r="B107" s="8" t="s">
        <v>239</v>
      </c>
    </row>
    <row r="108" spans="1:2">
      <c r="A108" s="8">
        <v>2210822</v>
      </c>
      <c r="B108" s="8" t="s">
        <v>240</v>
      </c>
    </row>
    <row r="109" spans="1:2">
      <c r="A109" s="8">
        <v>2210001</v>
      </c>
      <c r="B109" s="8" t="s">
        <v>241</v>
      </c>
    </row>
    <row r="110" spans="1:2">
      <c r="A110" s="8">
        <v>2210813</v>
      </c>
      <c r="B110" s="8" t="s">
        <v>242</v>
      </c>
    </row>
    <row r="111" spans="1:2">
      <c r="A111" s="8">
        <v>2210065</v>
      </c>
      <c r="B111" s="8" t="s">
        <v>243</v>
      </c>
    </row>
    <row r="112" spans="1:2">
      <c r="A112" s="8">
        <v>2210863</v>
      </c>
      <c r="B112" s="8" t="s">
        <v>244</v>
      </c>
    </row>
    <row r="113" spans="1:2">
      <c r="A113" s="8">
        <v>2210866</v>
      </c>
      <c r="B113" s="8" t="s">
        <v>245</v>
      </c>
    </row>
    <row r="114" spans="1:2">
      <c r="A114" s="8">
        <v>2210053</v>
      </c>
      <c r="B114" s="8" t="s">
        <v>246</v>
      </c>
    </row>
    <row r="115" spans="1:2">
      <c r="A115" s="8">
        <v>2210044</v>
      </c>
      <c r="B115" s="8" t="s">
        <v>247</v>
      </c>
    </row>
    <row r="116" spans="1:2">
      <c r="A116" s="8">
        <v>2210812</v>
      </c>
      <c r="B116" s="8" t="s">
        <v>248</v>
      </c>
    </row>
    <row r="117" spans="1:2">
      <c r="A117" s="8">
        <v>2210824</v>
      </c>
      <c r="B117" s="8" t="s">
        <v>249</v>
      </c>
    </row>
    <row r="118" spans="1:2">
      <c r="A118" s="8">
        <v>2210823</v>
      </c>
      <c r="B118" s="8" t="s">
        <v>250</v>
      </c>
    </row>
    <row r="119" spans="1:2">
      <c r="A119" s="8">
        <v>2210035</v>
      </c>
      <c r="B119" s="8" t="s">
        <v>251</v>
      </c>
    </row>
    <row r="120" spans="1:2">
      <c r="A120" s="8">
        <v>2210843</v>
      </c>
      <c r="B120" s="8" t="s">
        <v>252</v>
      </c>
    </row>
    <row r="121" spans="1:2">
      <c r="A121" s="8">
        <v>2210005</v>
      </c>
      <c r="B121" s="8" t="s">
        <v>253</v>
      </c>
    </row>
    <row r="122" spans="1:2">
      <c r="A122" s="8">
        <v>2210841</v>
      </c>
      <c r="B122" s="8" t="s">
        <v>254</v>
      </c>
    </row>
    <row r="123" spans="1:2">
      <c r="A123" s="8">
        <v>2210034</v>
      </c>
      <c r="B123" s="8" t="s">
        <v>255</v>
      </c>
    </row>
    <row r="124" spans="1:2">
      <c r="A124" s="8">
        <v>2210856</v>
      </c>
      <c r="B124" s="8" t="s">
        <v>256</v>
      </c>
    </row>
    <row r="125" spans="1:2">
      <c r="A125" s="8">
        <v>2210851</v>
      </c>
      <c r="B125" s="8" t="s">
        <v>257</v>
      </c>
    </row>
    <row r="126" spans="1:2">
      <c r="A126" s="8">
        <v>2210852</v>
      </c>
      <c r="B126" s="8" t="s">
        <v>258</v>
      </c>
    </row>
    <row r="127" spans="1:2">
      <c r="A127" s="8">
        <v>2210853</v>
      </c>
      <c r="B127" s="8" t="s">
        <v>259</v>
      </c>
    </row>
    <row r="128" spans="1:2">
      <c r="A128" s="8">
        <v>2210855</v>
      </c>
      <c r="B128" s="8" t="s">
        <v>260</v>
      </c>
    </row>
    <row r="129" spans="1:2">
      <c r="A129" s="8">
        <v>2210854</v>
      </c>
      <c r="B129" s="8" t="s">
        <v>261</v>
      </c>
    </row>
    <row r="130" spans="1:2">
      <c r="A130" s="8">
        <v>2210022</v>
      </c>
      <c r="B130" s="8" t="s">
        <v>262</v>
      </c>
    </row>
    <row r="131" spans="1:2">
      <c r="A131" s="8">
        <v>2210054</v>
      </c>
      <c r="B131" s="8" t="s">
        <v>263</v>
      </c>
    </row>
    <row r="132" spans="1:2">
      <c r="A132" s="8">
        <v>2210802</v>
      </c>
      <c r="B132" s="8" t="s">
        <v>264</v>
      </c>
    </row>
    <row r="133" spans="1:2">
      <c r="A133" s="8">
        <v>2200000</v>
      </c>
      <c r="B133" s="8" t="s">
        <v>78</v>
      </c>
    </row>
    <row r="134" spans="1:2">
      <c r="A134" s="8">
        <v>2200034</v>
      </c>
      <c r="B134" s="8" t="s">
        <v>265</v>
      </c>
    </row>
    <row r="135" spans="1:2">
      <c r="A135" s="8">
        <v>2200033</v>
      </c>
      <c r="B135" s="8" t="s">
        <v>266</v>
      </c>
    </row>
    <row r="136" spans="1:2">
      <c r="A136" s="8">
        <v>2200045</v>
      </c>
      <c r="B136" s="8" t="s">
        <v>267</v>
      </c>
    </row>
    <row r="137" spans="1:2">
      <c r="A137" s="8">
        <v>2200032</v>
      </c>
      <c r="B137" s="8" t="s">
        <v>268</v>
      </c>
    </row>
    <row r="138" spans="1:2">
      <c r="A138" s="8">
        <v>2200073</v>
      </c>
      <c r="B138" s="8" t="s">
        <v>269</v>
      </c>
    </row>
    <row r="139" spans="1:2">
      <c r="A139" s="8">
        <v>2200035</v>
      </c>
      <c r="B139" s="8" t="s">
        <v>270</v>
      </c>
    </row>
    <row r="140" spans="1:2">
      <c r="A140" s="8">
        <v>2200001</v>
      </c>
      <c r="B140" s="8" t="s">
        <v>271</v>
      </c>
    </row>
    <row r="141" spans="1:2">
      <c r="A141" s="8">
        <v>2200004</v>
      </c>
      <c r="B141" s="8" t="s">
        <v>272</v>
      </c>
    </row>
    <row r="142" spans="1:2">
      <c r="A142" s="8">
        <v>2200003</v>
      </c>
      <c r="B142" s="8" t="s">
        <v>273</v>
      </c>
    </row>
    <row r="143" spans="1:2">
      <c r="A143" s="8">
        <v>2200061</v>
      </c>
      <c r="B143" s="8" t="s">
        <v>274</v>
      </c>
    </row>
    <row r="144" spans="1:2">
      <c r="A144" s="8">
        <v>2200043</v>
      </c>
      <c r="B144" s="8" t="s">
        <v>275</v>
      </c>
    </row>
    <row r="145" spans="1:2">
      <c r="A145" s="8">
        <v>2200054</v>
      </c>
      <c r="B145" s="8" t="s">
        <v>276</v>
      </c>
    </row>
    <row r="146" spans="1:2">
      <c r="A146" s="8">
        <v>2200021</v>
      </c>
      <c r="B146" s="8" t="s">
        <v>2211</v>
      </c>
    </row>
    <row r="147" spans="1:2">
      <c r="A147" s="8">
        <v>2200071</v>
      </c>
      <c r="B147" s="8" t="s">
        <v>277</v>
      </c>
    </row>
    <row r="148" spans="1:2">
      <c r="A148" s="8">
        <v>2200072</v>
      </c>
      <c r="B148" s="8" t="s">
        <v>278</v>
      </c>
    </row>
    <row r="149" spans="1:2">
      <c r="A149" s="8">
        <v>2200011</v>
      </c>
      <c r="B149" s="8" t="s">
        <v>279</v>
      </c>
    </row>
    <row r="150" spans="1:2">
      <c r="A150" s="8">
        <v>2200051</v>
      </c>
      <c r="B150" s="8" t="s">
        <v>280</v>
      </c>
    </row>
    <row r="151" spans="1:2">
      <c r="A151" s="8">
        <v>2200042</v>
      </c>
      <c r="B151" s="8" t="s">
        <v>281</v>
      </c>
    </row>
    <row r="152" spans="1:2">
      <c r="A152" s="8">
        <v>2200041</v>
      </c>
      <c r="B152" s="8" t="s">
        <v>282</v>
      </c>
    </row>
    <row r="153" spans="1:2">
      <c r="A153" s="8">
        <v>2200046</v>
      </c>
      <c r="B153" s="8" t="s">
        <v>283</v>
      </c>
    </row>
    <row r="154" spans="1:2">
      <c r="A154" s="8">
        <v>2200024</v>
      </c>
      <c r="B154" s="8" t="s">
        <v>284</v>
      </c>
    </row>
    <row r="155" spans="1:2">
      <c r="A155" s="8">
        <v>2200052</v>
      </c>
      <c r="B155" s="8" t="s">
        <v>285</v>
      </c>
    </row>
    <row r="156" spans="1:2">
      <c r="A156" s="8">
        <v>2200022</v>
      </c>
      <c r="B156" s="8" t="s">
        <v>2212</v>
      </c>
    </row>
    <row r="157" spans="1:2">
      <c r="A157" s="8">
        <v>2200055</v>
      </c>
      <c r="B157" s="8" t="s">
        <v>286</v>
      </c>
    </row>
    <row r="158" spans="1:2">
      <c r="A158" s="8">
        <v>2200062</v>
      </c>
      <c r="B158" s="8" t="s">
        <v>287</v>
      </c>
    </row>
    <row r="159" spans="1:2">
      <c r="A159" s="8">
        <v>2200023</v>
      </c>
      <c r="B159" s="8" t="s">
        <v>288</v>
      </c>
    </row>
    <row r="160" spans="1:2">
      <c r="A160" s="8">
        <v>2200053</v>
      </c>
      <c r="B160" s="8" t="s">
        <v>289</v>
      </c>
    </row>
    <row r="161" spans="1:2">
      <c r="A161" s="8">
        <v>2200013</v>
      </c>
      <c r="B161" s="8" t="s">
        <v>290</v>
      </c>
    </row>
    <row r="162" spans="1:2">
      <c r="A162" s="8">
        <v>2200012</v>
      </c>
      <c r="B162" s="8" t="s">
        <v>2213</v>
      </c>
    </row>
    <row r="163" spans="1:2">
      <c r="A163" s="8">
        <v>2206090</v>
      </c>
      <c r="B163" s="8" t="s">
        <v>2213</v>
      </c>
    </row>
    <row r="164" spans="1:2">
      <c r="A164" s="8">
        <v>2206001</v>
      </c>
      <c r="B164" s="8" t="s">
        <v>2213</v>
      </c>
    </row>
    <row r="165" spans="1:2">
      <c r="A165" s="8">
        <v>2206002</v>
      </c>
      <c r="B165" s="8" t="s">
        <v>2213</v>
      </c>
    </row>
    <row r="166" spans="1:2">
      <c r="A166" s="8">
        <v>2206003</v>
      </c>
      <c r="B166" s="8" t="s">
        <v>2213</v>
      </c>
    </row>
    <row r="167" spans="1:2">
      <c r="A167" s="8">
        <v>2206004</v>
      </c>
      <c r="B167" s="8" t="s">
        <v>2213</v>
      </c>
    </row>
    <row r="168" spans="1:2">
      <c r="A168" s="8">
        <v>2206005</v>
      </c>
      <c r="B168" s="8" t="s">
        <v>2213</v>
      </c>
    </row>
    <row r="169" spans="1:2">
      <c r="A169" s="8">
        <v>2206006</v>
      </c>
      <c r="B169" s="8" t="s">
        <v>2213</v>
      </c>
    </row>
    <row r="170" spans="1:2">
      <c r="A170" s="8">
        <v>2206007</v>
      </c>
      <c r="B170" s="8" t="s">
        <v>2213</v>
      </c>
    </row>
    <row r="171" spans="1:2">
      <c r="A171" s="8">
        <v>2206008</v>
      </c>
      <c r="B171" s="8" t="s">
        <v>2213</v>
      </c>
    </row>
    <row r="172" spans="1:2">
      <c r="A172" s="8">
        <v>2206009</v>
      </c>
      <c r="B172" s="8" t="s">
        <v>2213</v>
      </c>
    </row>
    <row r="173" spans="1:2">
      <c r="A173" s="8">
        <v>2206010</v>
      </c>
      <c r="B173" s="8" t="s">
        <v>2213</v>
      </c>
    </row>
    <row r="174" spans="1:2">
      <c r="A174" s="8">
        <v>2206011</v>
      </c>
      <c r="B174" s="8" t="s">
        <v>2213</v>
      </c>
    </row>
    <row r="175" spans="1:2">
      <c r="A175" s="8">
        <v>2206012</v>
      </c>
      <c r="B175" s="8" t="s">
        <v>2213</v>
      </c>
    </row>
    <row r="176" spans="1:2">
      <c r="A176" s="8">
        <v>2206013</v>
      </c>
      <c r="B176" s="8" t="s">
        <v>2213</v>
      </c>
    </row>
    <row r="177" spans="1:2">
      <c r="A177" s="8">
        <v>2206014</v>
      </c>
      <c r="B177" s="8" t="s">
        <v>2213</v>
      </c>
    </row>
    <row r="178" spans="1:2">
      <c r="A178" s="8">
        <v>2206015</v>
      </c>
      <c r="B178" s="8" t="s">
        <v>2213</v>
      </c>
    </row>
    <row r="179" spans="1:2">
      <c r="A179" s="8">
        <v>2206016</v>
      </c>
      <c r="B179" s="8" t="s">
        <v>2213</v>
      </c>
    </row>
    <row r="180" spans="1:2">
      <c r="A180" s="8">
        <v>2206017</v>
      </c>
      <c r="B180" s="8" t="s">
        <v>2213</v>
      </c>
    </row>
    <row r="181" spans="1:2">
      <c r="A181" s="8">
        <v>2206018</v>
      </c>
      <c r="B181" s="8" t="s">
        <v>2213</v>
      </c>
    </row>
    <row r="182" spans="1:2">
      <c r="A182" s="8">
        <v>2206019</v>
      </c>
      <c r="B182" s="8" t="s">
        <v>2213</v>
      </c>
    </row>
    <row r="183" spans="1:2">
      <c r="A183" s="8">
        <v>2206020</v>
      </c>
      <c r="B183" s="8" t="s">
        <v>2213</v>
      </c>
    </row>
    <row r="184" spans="1:2">
      <c r="A184" s="8">
        <v>2206021</v>
      </c>
      <c r="B184" s="8" t="s">
        <v>2213</v>
      </c>
    </row>
    <row r="185" spans="1:2">
      <c r="A185" s="8">
        <v>2206022</v>
      </c>
      <c r="B185" s="8" t="s">
        <v>2213</v>
      </c>
    </row>
    <row r="186" spans="1:2">
      <c r="A186" s="8">
        <v>2206023</v>
      </c>
      <c r="B186" s="8" t="s">
        <v>2213</v>
      </c>
    </row>
    <row r="187" spans="1:2">
      <c r="A187" s="8">
        <v>2206024</v>
      </c>
      <c r="B187" s="8" t="s">
        <v>2213</v>
      </c>
    </row>
    <row r="188" spans="1:2">
      <c r="A188" s="8">
        <v>2206025</v>
      </c>
      <c r="B188" s="8" t="s">
        <v>2213</v>
      </c>
    </row>
    <row r="189" spans="1:2">
      <c r="A189" s="8">
        <v>2206026</v>
      </c>
      <c r="B189" s="8" t="s">
        <v>2213</v>
      </c>
    </row>
    <row r="190" spans="1:2">
      <c r="A190" s="8">
        <v>2206027</v>
      </c>
      <c r="B190" s="8" t="s">
        <v>2213</v>
      </c>
    </row>
    <row r="191" spans="1:2">
      <c r="A191" s="8">
        <v>2206028</v>
      </c>
      <c r="B191" s="8" t="s">
        <v>2213</v>
      </c>
    </row>
    <row r="192" spans="1:2">
      <c r="A192" s="8">
        <v>2206029</v>
      </c>
      <c r="B192" s="8" t="s">
        <v>2213</v>
      </c>
    </row>
    <row r="193" spans="1:2">
      <c r="A193" s="8">
        <v>2206030</v>
      </c>
      <c r="B193" s="8" t="s">
        <v>2213</v>
      </c>
    </row>
    <row r="194" spans="1:2">
      <c r="A194" s="8">
        <v>2206031</v>
      </c>
      <c r="B194" s="8" t="s">
        <v>2213</v>
      </c>
    </row>
    <row r="195" spans="1:2">
      <c r="A195" s="8">
        <v>2206032</v>
      </c>
      <c r="B195" s="8" t="s">
        <v>2213</v>
      </c>
    </row>
    <row r="196" spans="1:2">
      <c r="A196" s="8">
        <v>2206033</v>
      </c>
      <c r="B196" s="8" t="s">
        <v>2213</v>
      </c>
    </row>
    <row r="197" spans="1:2">
      <c r="A197" s="8">
        <v>2206034</v>
      </c>
      <c r="B197" s="8" t="s">
        <v>2213</v>
      </c>
    </row>
    <row r="198" spans="1:2">
      <c r="A198" s="8">
        <v>2206035</v>
      </c>
      <c r="B198" s="8" t="s">
        <v>2213</v>
      </c>
    </row>
    <row r="199" spans="1:2">
      <c r="A199" s="8">
        <v>2206190</v>
      </c>
      <c r="B199" s="8" t="s">
        <v>2213</v>
      </c>
    </row>
    <row r="200" spans="1:2">
      <c r="A200" s="8">
        <v>2206101</v>
      </c>
      <c r="B200" s="8" t="s">
        <v>2213</v>
      </c>
    </row>
    <row r="201" spans="1:2">
      <c r="A201" s="8">
        <v>2206102</v>
      </c>
      <c r="B201" s="8" t="s">
        <v>2213</v>
      </c>
    </row>
    <row r="202" spans="1:2">
      <c r="A202" s="8">
        <v>2206103</v>
      </c>
      <c r="B202" s="8" t="s">
        <v>2213</v>
      </c>
    </row>
    <row r="203" spans="1:2">
      <c r="A203" s="8">
        <v>2206104</v>
      </c>
      <c r="B203" s="8" t="s">
        <v>2213</v>
      </c>
    </row>
    <row r="204" spans="1:2">
      <c r="A204" s="8">
        <v>2206105</v>
      </c>
      <c r="B204" s="8" t="s">
        <v>2213</v>
      </c>
    </row>
    <row r="205" spans="1:2">
      <c r="A205" s="8">
        <v>2206106</v>
      </c>
      <c r="B205" s="8" t="s">
        <v>2213</v>
      </c>
    </row>
    <row r="206" spans="1:2">
      <c r="A206" s="8">
        <v>2206107</v>
      </c>
      <c r="B206" s="8" t="s">
        <v>2213</v>
      </c>
    </row>
    <row r="207" spans="1:2">
      <c r="A207" s="8">
        <v>2206108</v>
      </c>
      <c r="B207" s="8" t="s">
        <v>2213</v>
      </c>
    </row>
    <row r="208" spans="1:2">
      <c r="A208" s="8">
        <v>2206109</v>
      </c>
      <c r="B208" s="8" t="s">
        <v>2213</v>
      </c>
    </row>
    <row r="209" spans="1:2">
      <c r="A209" s="8">
        <v>2206110</v>
      </c>
      <c r="B209" s="8" t="s">
        <v>2213</v>
      </c>
    </row>
    <row r="210" spans="1:2">
      <c r="A210" s="8">
        <v>2206111</v>
      </c>
      <c r="B210" s="8" t="s">
        <v>2213</v>
      </c>
    </row>
    <row r="211" spans="1:2">
      <c r="A211" s="8">
        <v>2206112</v>
      </c>
      <c r="B211" s="8" t="s">
        <v>2213</v>
      </c>
    </row>
    <row r="212" spans="1:2">
      <c r="A212" s="8">
        <v>2206113</v>
      </c>
      <c r="B212" s="8" t="s">
        <v>2213</v>
      </c>
    </row>
    <row r="213" spans="1:2">
      <c r="A213" s="8">
        <v>2206114</v>
      </c>
      <c r="B213" s="8" t="s">
        <v>2213</v>
      </c>
    </row>
    <row r="214" spans="1:2">
      <c r="A214" s="8">
        <v>2206115</v>
      </c>
      <c r="B214" s="8" t="s">
        <v>2213</v>
      </c>
    </row>
    <row r="215" spans="1:2">
      <c r="A215" s="8">
        <v>2206116</v>
      </c>
      <c r="B215" s="8" t="s">
        <v>2213</v>
      </c>
    </row>
    <row r="216" spans="1:2">
      <c r="A216" s="8">
        <v>2206117</v>
      </c>
      <c r="B216" s="8" t="s">
        <v>2213</v>
      </c>
    </row>
    <row r="217" spans="1:2">
      <c r="A217" s="8">
        <v>2206118</v>
      </c>
      <c r="B217" s="8" t="s">
        <v>2213</v>
      </c>
    </row>
    <row r="218" spans="1:2">
      <c r="A218" s="8">
        <v>2206119</v>
      </c>
      <c r="B218" s="8" t="s">
        <v>2213</v>
      </c>
    </row>
    <row r="219" spans="1:2">
      <c r="A219" s="8">
        <v>2206120</v>
      </c>
      <c r="B219" s="8" t="s">
        <v>2213</v>
      </c>
    </row>
    <row r="220" spans="1:2">
      <c r="A220" s="8">
        <v>2206121</v>
      </c>
      <c r="B220" s="8" t="s">
        <v>2213</v>
      </c>
    </row>
    <row r="221" spans="1:2">
      <c r="A221" s="8">
        <v>2206122</v>
      </c>
      <c r="B221" s="8" t="s">
        <v>2213</v>
      </c>
    </row>
    <row r="222" spans="1:2">
      <c r="A222" s="8">
        <v>2206123</v>
      </c>
      <c r="B222" s="8" t="s">
        <v>2213</v>
      </c>
    </row>
    <row r="223" spans="1:2">
      <c r="A223" s="8">
        <v>2206124</v>
      </c>
      <c r="B223" s="8" t="s">
        <v>2213</v>
      </c>
    </row>
    <row r="224" spans="1:2">
      <c r="A224" s="8">
        <v>2206125</v>
      </c>
      <c r="B224" s="8" t="s">
        <v>2213</v>
      </c>
    </row>
    <row r="225" spans="1:2">
      <c r="A225" s="8">
        <v>2206126</v>
      </c>
      <c r="B225" s="8" t="s">
        <v>2213</v>
      </c>
    </row>
    <row r="226" spans="1:2">
      <c r="A226" s="8">
        <v>2206127</v>
      </c>
      <c r="B226" s="8" t="s">
        <v>2213</v>
      </c>
    </row>
    <row r="227" spans="1:2">
      <c r="A227" s="8">
        <v>2206128</v>
      </c>
      <c r="B227" s="8" t="s">
        <v>2213</v>
      </c>
    </row>
    <row r="228" spans="1:2">
      <c r="A228" s="8">
        <v>2206290</v>
      </c>
      <c r="B228" s="8" t="s">
        <v>2213</v>
      </c>
    </row>
    <row r="229" spans="1:2">
      <c r="A229" s="8">
        <v>2206201</v>
      </c>
      <c r="B229" s="8" t="s">
        <v>2213</v>
      </c>
    </row>
    <row r="230" spans="1:2">
      <c r="A230" s="8">
        <v>2206202</v>
      </c>
      <c r="B230" s="8" t="s">
        <v>2213</v>
      </c>
    </row>
    <row r="231" spans="1:2">
      <c r="A231" s="8">
        <v>2206203</v>
      </c>
      <c r="B231" s="8" t="s">
        <v>2213</v>
      </c>
    </row>
    <row r="232" spans="1:2">
      <c r="A232" s="8">
        <v>2206204</v>
      </c>
      <c r="B232" s="8" t="s">
        <v>2213</v>
      </c>
    </row>
    <row r="233" spans="1:2">
      <c r="A233" s="8">
        <v>2206205</v>
      </c>
      <c r="B233" s="8" t="s">
        <v>2213</v>
      </c>
    </row>
    <row r="234" spans="1:2">
      <c r="A234" s="8">
        <v>2206206</v>
      </c>
      <c r="B234" s="8" t="s">
        <v>2213</v>
      </c>
    </row>
    <row r="235" spans="1:2">
      <c r="A235" s="8">
        <v>2206207</v>
      </c>
      <c r="B235" s="8" t="s">
        <v>2213</v>
      </c>
    </row>
    <row r="236" spans="1:2">
      <c r="A236" s="8">
        <v>2206208</v>
      </c>
      <c r="B236" s="8" t="s">
        <v>2213</v>
      </c>
    </row>
    <row r="237" spans="1:2">
      <c r="A237" s="8">
        <v>2206209</v>
      </c>
      <c r="B237" s="8" t="s">
        <v>2213</v>
      </c>
    </row>
    <row r="238" spans="1:2">
      <c r="A238" s="8">
        <v>2206210</v>
      </c>
      <c r="B238" s="8" t="s">
        <v>2213</v>
      </c>
    </row>
    <row r="239" spans="1:2">
      <c r="A239" s="8">
        <v>2206211</v>
      </c>
      <c r="B239" s="8" t="s">
        <v>2213</v>
      </c>
    </row>
    <row r="240" spans="1:2">
      <c r="A240" s="8">
        <v>2206212</v>
      </c>
      <c r="B240" s="8" t="s">
        <v>2213</v>
      </c>
    </row>
    <row r="241" spans="1:2">
      <c r="A241" s="8">
        <v>2206213</v>
      </c>
      <c r="B241" s="8" t="s">
        <v>2213</v>
      </c>
    </row>
    <row r="242" spans="1:2">
      <c r="A242" s="8">
        <v>2206214</v>
      </c>
      <c r="B242" s="8" t="s">
        <v>2213</v>
      </c>
    </row>
    <row r="243" spans="1:2">
      <c r="A243" s="8">
        <v>2206215</v>
      </c>
      <c r="B243" s="8" t="s">
        <v>2213</v>
      </c>
    </row>
    <row r="244" spans="1:2">
      <c r="A244" s="8">
        <v>2206216</v>
      </c>
      <c r="B244" s="8" t="s">
        <v>2213</v>
      </c>
    </row>
    <row r="245" spans="1:2">
      <c r="A245" s="8">
        <v>2206217</v>
      </c>
      <c r="B245" s="8" t="s">
        <v>2213</v>
      </c>
    </row>
    <row r="246" spans="1:2">
      <c r="A246" s="8">
        <v>2206218</v>
      </c>
      <c r="B246" s="8" t="s">
        <v>2213</v>
      </c>
    </row>
    <row r="247" spans="1:2">
      <c r="A247" s="8">
        <v>2206219</v>
      </c>
      <c r="B247" s="8" t="s">
        <v>2213</v>
      </c>
    </row>
    <row r="248" spans="1:2">
      <c r="A248" s="8">
        <v>2206220</v>
      </c>
      <c r="B248" s="8" t="s">
        <v>2213</v>
      </c>
    </row>
    <row r="249" spans="1:2">
      <c r="A249" s="8">
        <v>2206221</v>
      </c>
      <c r="B249" s="8" t="s">
        <v>2213</v>
      </c>
    </row>
    <row r="250" spans="1:2">
      <c r="A250" s="8">
        <v>2208190</v>
      </c>
      <c r="B250" s="8" t="s">
        <v>2213</v>
      </c>
    </row>
    <row r="251" spans="1:2">
      <c r="A251" s="8">
        <v>2208101</v>
      </c>
      <c r="B251" s="8" t="s">
        <v>2213</v>
      </c>
    </row>
    <row r="252" spans="1:2">
      <c r="A252" s="8">
        <v>2208102</v>
      </c>
      <c r="B252" s="8" t="s">
        <v>2213</v>
      </c>
    </row>
    <row r="253" spans="1:2">
      <c r="A253" s="8">
        <v>2208103</v>
      </c>
      <c r="B253" s="8" t="s">
        <v>2213</v>
      </c>
    </row>
    <row r="254" spans="1:2">
      <c r="A254" s="8">
        <v>2208104</v>
      </c>
      <c r="B254" s="8" t="s">
        <v>2213</v>
      </c>
    </row>
    <row r="255" spans="1:2">
      <c r="A255" s="8">
        <v>2208105</v>
      </c>
      <c r="B255" s="8" t="s">
        <v>2213</v>
      </c>
    </row>
    <row r="256" spans="1:2">
      <c r="A256" s="8">
        <v>2208106</v>
      </c>
      <c r="B256" s="8" t="s">
        <v>2213</v>
      </c>
    </row>
    <row r="257" spans="1:2">
      <c r="A257" s="8">
        <v>2208107</v>
      </c>
      <c r="B257" s="8" t="s">
        <v>2213</v>
      </c>
    </row>
    <row r="258" spans="1:2">
      <c r="A258" s="8">
        <v>2208108</v>
      </c>
      <c r="B258" s="8" t="s">
        <v>2213</v>
      </c>
    </row>
    <row r="259" spans="1:2">
      <c r="A259" s="8">
        <v>2208109</v>
      </c>
      <c r="B259" s="8" t="s">
        <v>2213</v>
      </c>
    </row>
    <row r="260" spans="1:2">
      <c r="A260" s="8">
        <v>2208110</v>
      </c>
      <c r="B260" s="8" t="s">
        <v>2213</v>
      </c>
    </row>
    <row r="261" spans="1:2">
      <c r="A261" s="8">
        <v>2208111</v>
      </c>
      <c r="B261" s="8" t="s">
        <v>2213</v>
      </c>
    </row>
    <row r="262" spans="1:2">
      <c r="A262" s="8">
        <v>2208112</v>
      </c>
      <c r="B262" s="8" t="s">
        <v>2213</v>
      </c>
    </row>
    <row r="263" spans="1:2">
      <c r="A263" s="8">
        <v>2208113</v>
      </c>
      <c r="B263" s="8" t="s">
        <v>2213</v>
      </c>
    </row>
    <row r="264" spans="1:2">
      <c r="A264" s="8">
        <v>2208114</v>
      </c>
      <c r="B264" s="8" t="s">
        <v>2213</v>
      </c>
    </row>
    <row r="265" spans="1:2">
      <c r="A265" s="8">
        <v>2208115</v>
      </c>
      <c r="B265" s="8" t="s">
        <v>2213</v>
      </c>
    </row>
    <row r="266" spans="1:2">
      <c r="A266" s="8">
        <v>2208116</v>
      </c>
      <c r="B266" s="8" t="s">
        <v>2213</v>
      </c>
    </row>
    <row r="267" spans="1:2">
      <c r="A267" s="8">
        <v>2208117</v>
      </c>
      <c r="B267" s="8" t="s">
        <v>2213</v>
      </c>
    </row>
    <row r="268" spans="1:2">
      <c r="A268" s="8">
        <v>2208118</v>
      </c>
      <c r="B268" s="8" t="s">
        <v>2213</v>
      </c>
    </row>
    <row r="269" spans="1:2">
      <c r="A269" s="8">
        <v>2208119</v>
      </c>
      <c r="B269" s="8" t="s">
        <v>2213</v>
      </c>
    </row>
    <row r="270" spans="1:2">
      <c r="A270" s="8">
        <v>2208120</v>
      </c>
      <c r="B270" s="8" t="s">
        <v>2213</v>
      </c>
    </row>
    <row r="271" spans="1:2">
      <c r="A271" s="8">
        <v>2208121</v>
      </c>
      <c r="B271" s="8" t="s">
        <v>2213</v>
      </c>
    </row>
    <row r="272" spans="1:2">
      <c r="A272" s="8">
        <v>2208122</v>
      </c>
      <c r="B272" s="8" t="s">
        <v>2213</v>
      </c>
    </row>
    <row r="273" spans="1:2">
      <c r="A273" s="8">
        <v>2208123</v>
      </c>
      <c r="B273" s="8" t="s">
        <v>2213</v>
      </c>
    </row>
    <row r="274" spans="1:2">
      <c r="A274" s="8">
        <v>2208124</v>
      </c>
      <c r="B274" s="8" t="s">
        <v>2213</v>
      </c>
    </row>
    <row r="275" spans="1:2">
      <c r="A275" s="8">
        <v>2208125</v>
      </c>
      <c r="B275" s="8" t="s">
        <v>2213</v>
      </c>
    </row>
    <row r="276" spans="1:2">
      <c r="A276" s="8">
        <v>2208126</v>
      </c>
      <c r="B276" s="8" t="s">
        <v>2213</v>
      </c>
    </row>
    <row r="277" spans="1:2">
      <c r="A277" s="8">
        <v>2208127</v>
      </c>
      <c r="B277" s="8" t="s">
        <v>2213</v>
      </c>
    </row>
    <row r="278" spans="1:2">
      <c r="A278" s="8">
        <v>2208128</v>
      </c>
      <c r="B278" s="8" t="s">
        <v>2213</v>
      </c>
    </row>
    <row r="279" spans="1:2">
      <c r="A279" s="8">
        <v>2208129</v>
      </c>
      <c r="B279" s="8" t="s">
        <v>2213</v>
      </c>
    </row>
    <row r="280" spans="1:2">
      <c r="A280" s="8">
        <v>2208130</v>
      </c>
      <c r="B280" s="8" t="s">
        <v>2213</v>
      </c>
    </row>
    <row r="281" spans="1:2">
      <c r="A281" s="8">
        <v>2208131</v>
      </c>
      <c r="B281" s="8" t="s">
        <v>2213</v>
      </c>
    </row>
    <row r="282" spans="1:2">
      <c r="A282" s="8">
        <v>2208132</v>
      </c>
      <c r="B282" s="8" t="s">
        <v>2213</v>
      </c>
    </row>
    <row r="283" spans="1:2">
      <c r="A283" s="8">
        <v>2208133</v>
      </c>
      <c r="B283" s="8" t="s">
        <v>2213</v>
      </c>
    </row>
    <row r="284" spans="1:2">
      <c r="A284" s="8">
        <v>2208134</v>
      </c>
      <c r="B284" s="8" t="s">
        <v>2213</v>
      </c>
    </row>
    <row r="285" spans="1:2">
      <c r="A285" s="8">
        <v>2208135</v>
      </c>
      <c r="B285" s="8" t="s">
        <v>2213</v>
      </c>
    </row>
    <row r="286" spans="1:2">
      <c r="A286" s="8">
        <v>2208136</v>
      </c>
      <c r="B286" s="8" t="s">
        <v>2213</v>
      </c>
    </row>
    <row r="287" spans="1:2">
      <c r="A287" s="8">
        <v>2208137</v>
      </c>
      <c r="B287" s="8" t="s">
        <v>2213</v>
      </c>
    </row>
    <row r="288" spans="1:2">
      <c r="A288" s="8">
        <v>2208138</v>
      </c>
      <c r="B288" s="8" t="s">
        <v>2213</v>
      </c>
    </row>
    <row r="289" spans="1:2">
      <c r="A289" s="8">
        <v>2208139</v>
      </c>
      <c r="B289" s="8" t="s">
        <v>2213</v>
      </c>
    </row>
    <row r="290" spans="1:2">
      <c r="A290" s="8">
        <v>2208140</v>
      </c>
      <c r="B290" s="8" t="s">
        <v>2213</v>
      </c>
    </row>
    <row r="291" spans="1:2">
      <c r="A291" s="8">
        <v>2208141</v>
      </c>
      <c r="B291" s="8" t="s">
        <v>2213</v>
      </c>
    </row>
    <row r="292" spans="1:2">
      <c r="A292" s="8">
        <v>2208142</v>
      </c>
      <c r="B292" s="8" t="s">
        <v>2213</v>
      </c>
    </row>
    <row r="293" spans="1:2">
      <c r="A293" s="8">
        <v>2208143</v>
      </c>
      <c r="B293" s="8" t="s">
        <v>2213</v>
      </c>
    </row>
    <row r="294" spans="1:2">
      <c r="A294" s="8">
        <v>2208144</v>
      </c>
      <c r="B294" s="8" t="s">
        <v>2213</v>
      </c>
    </row>
    <row r="295" spans="1:2">
      <c r="A295" s="8">
        <v>2208145</v>
      </c>
      <c r="B295" s="8" t="s">
        <v>2213</v>
      </c>
    </row>
    <row r="296" spans="1:2">
      <c r="A296" s="8">
        <v>2208146</v>
      </c>
      <c r="B296" s="8" t="s">
        <v>2213</v>
      </c>
    </row>
    <row r="297" spans="1:2">
      <c r="A297" s="8">
        <v>2208147</v>
      </c>
      <c r="B297" s="8" t="s">
        <v>2213</v>
      </c>
    </row>
    <row r="298" spans="1:2">
      <c r="A298" s="8">
        <v>2208148</v>
      </c>
      <c r="B298" s="8" t="s">
        <v>2213</v>
      </c>
    </row>
    <row r="299" spans="1:2">
      <c r="A299" s="8">
        <v>2208149</v>
      </c>
      <c r="B299" s="8" t="s">
        <v>2213</v>
      </c>
    </row>
    <row r="300" spans="1:2">
      <c r="A300" s="8">
        <v>2208150</v>
      </c>
      <c r="B300" s="8" t="s">
        <v>2213</v>
      </c>
    </row>
    <row r="301" spans="1:2">
      <c r="A301" s="8">
        <v>2208151</v>
      </c>
      <c r="B301" s="8" t="s">
        <v>2213</v>
      </c>
    </row>
    <row r="302" spans="1:2">
      <c r="A302" s="8">
        <v>2208152</v>
      </c>
      <c r="B302" s="8" t="s">
        <v>2213</v>
      </c>
    </row>
    <row r="303" spans="1:2">
      <c r="A303" s="8">
        <v>2208153</v>
      </c>
      <c r="B303" s="8" t="s">
        <v>2213</v>
      </c>
    </row>
    <row r="304" spans="1:2">
      <c r="A304" s="8">
        <v>2208154</v>
      </c>
      <c r="B304" s="8" t="s">
        <v>2213</v>
      </c>
    </row>
    <row r="305" spans="1:2">
      <c r="A305" s="8">
        <v>2208155</v>
      </c>
      <c r="B305" s="8" t="s">
        <v>2213</v>
      </c>
    </row>
    <row r="306" spans="1:2">
      <c r="A306" s="8">
        <v>2208156</v>
      </c>
      <c r="B306" s="8" t="s">
        <v>2213</v>
      </c>
    </row>
    <row r="307" spans="1:2">
      <c r="A307" s="8">
        <v>2208157</v>
      </c>
      <c r="B307" s="8" t="s">
        <v>2213</v>
      </c>
    </row>
    <row r="308" spans="1:2">
      <c r="A308" s="8">
        <v>2208158</v>
      </c>
      <c r="B308" s="8" t="s">
        <v>2213</v>
      </c>
    </row>
    <row r="309" spans="1:2">
      <c r="A309" s="8">
        <v>2208159</v>
      </c>
      <c r="B309" s="8" t="s">
        <v>2213</v>
      </c>
    </row>
    <row r="310" spans="1:2">
      <c r="A310" s="8">
        <v>2208160</v>
      </c>
      <c r="B310" s="8" t="s">
        <v>2213</v>
      </c>
    </row>
    <row r="311" spans="1:2">
      <c r="A311" s="8">
        <v>2208161</v>
      </c>
      <c r="B311" s="8" t="s">
        <v>2213</v>
      </c>
    </row>
    <row r="312" spans="1:2">
      <c r="A312" s="8">
        <v>2208162</v>
      </c>
      <c r="B312" s="8" t="s">
        <v>2213</v>
      </c>
    </row>
    <row r="313" spans="1:2">
      <c r="A313" s="8">
        <v>2208163</v>
      </c>
      <c r="B313" s="8" t="s">
        <v>2213</v>
      </c>
    </row>
    <row r="314" spans="1:2">
      <c r="A314" s="8">
        <v>2208164</v>
      </c>
      <c r="B314" s="8" t="s">
        <v>2213</v>
      </c>
    </row>
    <row r="315" spans="1:2">
      <c r="A315" s="8">
        <v>2208165</v>
      </c>
      <c r="B315" s="8" t="s">
        <v>2213</v>
      </c>
    </row>
    <row r="316" spans="1:2">
      <c r="A316" s="8">
        <v>2208166</v>
      </c>
      <c r="B316" s="8" t="s">
        <v>2213</v>
      </c>
    </row>
    <row r="317" spans="1:2">
      <c r="A317" s="8">
        <v>2208167</v>
      </c>
      <c r="B317" s="8" t="s">
        <v>2213</v>
      </c>
    </row>
    <row r="318" spans="1:2">
      <c r="A318" s="8">
        <v>2208168</v>
      </c>
      <c r="B318" s="8" t="s">
        <v>2213</v>
      </c>
    </row>
    <row r="319" spans="1:2">
      <c r="A319" s="8">
        <v>2208169</v>
      </c>
      <c r="B319" s="8" t="s">
        <v>2213</v>
      </c>
    </row>
    <row r="320" spans="1:2">
      <c r="A320" s="8">
        <v>2208170</v>
      </c>
      <c r="B320" s="8" t="s">
        <v>2213</v>
      </c>
    </row>
    <row r="321" spans="1:2">
      <c r="A321" s="8">
        <v>2200002</v>
      </c>
      <c r="B321" s="8" t="s">
        <v>291</v>
      </c>
    </row>
    <row r="322" spans="1:2">
      <c r="A322" s="8">
        <v>2200005</v>
      </c>
      <c r="B322" s="8" t="s">
        <v>292</v>
      </c>
    </row>
    <row r="323" spans="1:2">
      <c r="A323" s="8">
        <v>2200074</v>
      </c>
      <c r="B323" s="8" t="s">
        <v>293</v>
      </c>
    </row>
    <row r="324" spans="1:2">
      <c r="A324" s="8">
        <v>2200006</v>
      </c>
      <c r="B324" s="8" t="s">
        <v>294</v>
      </c>
    </row>
    <row r="325" spans="1:2">
      <c r="A325" s="8">
        <v>2200031</v>
      </c>
      <c r="B325" s="8" t="s">
        <v>295</v>
      </c>
    </row>
    <row r="326" spans="1:2">
      <c r="A326" s="8">
        <v>2200063</v>
      </c>
      <c r="B326" s="8" t="s">
        <v>296</v>
      </c>
    </row>
    <row r="327" spans="1:2">
      <c r="A327" s="8">
        <v>2200044</v>
      </c>
      <c r="B327" s="8" t="s">
        <v>297</v>
      </c>
    </row>
    <row r="328" spans="1:2">
      <c r="A328" s="8">
        <v>2310000</v>
      </c>
      <c r="B328" s="8" t="s">
        <v>79</v>
      </c>
    </row>
    <row r="329" spans="1:2">
      <c r="A329" s="8">
        <v>2310012</v>
      </c>
      <c r="B329" s="8" t="s">
        <v>298</v>
      </c>
    </row>
    <row r="330" spans="1:2">
      <c r="A330" s="8">
        <v>2310051</v>
      </c>
      <c r="B330" s="8" t="s">
        <v>299</v>
      </c>
    </row>
    <row r="331" spans="1:2">
      <c r="A331" s="8">
        <v>2310057</v>
      </c>
      <c r="B331" s="8" t="s">
        <v>300</v>
      </c>
    </row>
    <row r="332" spans="1:2">
      <c r="A332" s="8">
        <v>2310834</v>
      </c>
      <c r="B332" s="8" t="s">
        <v>301</v>
      </c>
    </row>
    <row r="333" spans="1:2">
      <c r="A333" s="8">
        <v>2310868</v>
      </c>
      <c r="B333" s="8" t="s">
        <v>302</v>
      </c>
    </row>
    <row r="334" spans="1:2">
      <c r="A334" s="8">
        <v>2310045</v>
      </c>
      <c r="B334" s="8" t="s">
        <v>303</v>
      </c>
    </row>
    <row r="335" spans="1:2">
      <c r="A335" s="8">
        <v>2310842</v>
      </c>
      <c r="B335" s="8" t="s">
        <v>304</v>
      </c>
    </row>
    <row r="336" spans="1:2">
      <c r="A336" s="8">
        <v>2310867</v>
      </c>
      <c r="B336" s="8" t="s">
        <v>305</v>
      </c>
    </row>
    <row r="337" spans="1:2">
      <c r="A337" s="8">
        <v>2310061</v>
      </c>
      <c r="B337" s="8" t="s">
        <v>306</v>
      </c>
    </row>
    <row r="338" spans="1:2">
      <c r="A338" s="8">
        <v>2310027</v>
      </c>
      <c r="B338" s="8" t="s">
        <v>307</v>
      </c>
    </row>
    <row r="339" spans="1:2">
      <c r="A339" s="8">
        <v>2310858</v>
      </c>
      <c r="B339" s="8" t="s">
        <v>308</v>
      </c>
    </row>
    <row r="340" spans="1:2">
      <c r="A340" s="8">
        <v>2310011</v>
      </c>
      <c r="B340" s="8" t="s">
        <v>309</v>
      </c>
    </row>
    <row r="341" spans="1:2">
      <c r="A341" s="8">
        <v>2310859</v>
      </c>
      <c r="B341" s="8" t="s">
        <v>310</v>
      </c>
    </row>
    <row r="342" spans="1:2">
      <c r="A342" s="8">
        <v>2310028</v>
      </c>
      <c r="B342" s="8" t="s">
        <v>311</v>
      </c>
    </row>
    <row r="343" spans="1:2">
      <c r="A343" s="8">
        <v>2310015</v>
      </c>
      <c r="B343" s="8" t="s">
        <v>312</v>
      </c>
    </row>
    <row r="344" spans="1:2">
      <c r="A344" s="8">
        <v>2310002</v>
      </c>
      <c r="B344" s="8" t="s">
        <v>313</v>
      </c>
    </row>
    <row r="345" spans="1:2">
      <c r="A345" s="8">
        <v>2310866</v>
      </c>
      <c r="B345" s="8" t="s">
        <v>314</v>
      </c>
    </row>
    <row r="346" spans="1:2">
      <c r="A346" s="8">
        <v>2310813</v>
      </c>
      <c r="B346" s="8" t="s">
        <v>315</v>
      </c>
    </row>
    <row r="347" spans="1:2">
      <c r="A347" s="8">
        <v>2310865</v>
      </c>
      <c r="B347" s="8" t="s">
        <v>316</v>
      </c>
    </row>
    <row r="348" spans="1:2">
      <c r="A348" s="8">
        <v>2310003</v>
      </c>
      <c r="B348" s="8" t="s">
        <v>317</v>
      </c>
    </row>
    <row r="349" spans="1:2">
      <c r="A349" s="8">
        <v>2310054</v>
      </c>
      <c r="B349" s="8" t="s">
        <v>318</v>
      </c>
    </row>
    <row r="350" spans="1:2">
      <c r="A350" s="8">
        <v>2310026</v>
      </c>
      <c r="B350" s="8" t="s">
        <v>319</v>
      </c>
    </row>
    <row r="351" spans="1:2">
      <c r="A351" s="8">
        <v>2310802</v>
      </c>
      <c r="B351" s="8" t="s">
        <v>320</v>
      </c>
    </row>
    <row r="352" spans="1:2">
      <c r="A352" s="8">
        <v>2310848</v>
      </c>
      <c r="B352" s="8" t="s">
        <v>321</v>
      </c>
    </row>
    <row r="353" spans="1:2">
      <c r="A353" s="8">
        <v>2310062</v>
      </c>
      <c r="B353" s="8" t="s">
        <v>322</v>
      </c>
    </row>
    <row r="354" spans="1:2">
      <c r="A354" s="8">
        <v>2310001</v>
      </c>
      <c r="B354" s="8" t="s">
        <v>323</v>
      </c>
    </row>
    <row r="355" spans="1:2">
      <c r="A355" s="8">
        <v>2310801</v>
      </c>
      <c r="B355" s="8" t="s">
        <v>324</v>
      </c>
    </row>
    <row r="356" spans="1:2">
      <c r="A356" s="8">
        <v>2310046</v>
      </c>
      <c r="B356" s="8" t="s">
        <v>325</v>
      </c>
    </row>
    <row r="357" spans="1:2">
      <c r="A357" s="8">
        <v>2310055</v>
      </c>
      <c r="B357" s="8" t="s">
        <v>326</v>
      </c>
    </row>
    <row r="358" spans="1:2">
      <c r="A358" s="8">
        <v>2310013</v>
      </c>
      <c r="B358" s="8" t="s">
        <v>327</v>
      </c>
    </row>
    <row r="359" spans="1:2">
      <c r="A359" s="8">
        <v>2310863</v>
      </c>
      <c r="B359" s="8" t="s">
        <v>328</v>
      </c>
    </row>
    <row r="360" spans="1:2">
      <c r="A360" s="8">
        <v>2310837</v>
      </c>
      <c r="B360" s="8" t="s">
        <v>329</v>
      </c>
    </row>
    <row r="361" spans="1:2">
      <c r="A361" s="8">
        <v>2310847</v>
      </c>
      <c r="B361" s="8" t="s">
        <v>330</v>
      </c>
    </row>
    <row r="362" spans="1:2">
      <c r="A362" s="8">
        <v>2310845</v>
      </c>
      <c r="B362" s="8" t="s">
        <v>331</v>
      </c>
    </row>
    <row r="363" spans="1:2">
      <c r="A363" s="8">
        <v>2310035</v>
      </c>
      <c r="B363" s="8" t="s">
        <v>332</v>
      </c>
    </row>
    <row r="364" spans="1:2">
      <c r="A364" s="8">
        <v>2310815</v>
      </c>
      <c r="B364" s="8" t="s">
        <v>333</v>
      </c>
    </row>
    <row r="365" spans="1:2">
      <c r="A365" s="8">
        <v>2310033</v>
      </c>
      <c r="B365" s="8" t="s">
        <v>334</v>
      </c>
    </row>
    <row r="366" spans="1:2">
      <c r="A366" s="8">
        <v>2310864</v>
      </c>
      <c r="B366" s="8" t="s">
        <v>335</v>
      </c>
    </row>
    <row r="367" spans="1:2">
      <c r="A367" s="8">
        <v>2310857</v>
      </c>
      <c r="B367" s="8" t="s">
        <v>336</v>
      </c>
    </row>
    <row r="368" spans="1:2">
      <c r="A368" s="8">
        <v>2310855</v>
      </c>
      <c r="B368" s="8" t="s">
        <v>337</v>
      </c>
    </row>
    <row r="369" spans="1:2">
      <c r="A369" s="8">
        <v>2310014</v>
      </c>
      <c r="B369" s="8" t="s">
        <v>338</v>
      </c>
    </row>
    <row r="370" spans="1:2">
      <c r="A370" s="8">
        <v>2310814</v>
      </c>
      <c r="B370" s="8" t="s">
        <v>339</v>
      </c>
    </row>
    <row r="371" spans="1:2">
      <c r="A371" s="8">
        <v>2310839</v>
      </c>
      <c r="B371" s="8" t="s">
        <v>340</v>
      </c>
    </row>
    <row r="372" spans="1:2">
      <c r="A372" s="8">
        <v>2310812</v>
      </c>
      <c r="B372" s="8" t="s">
        <v>341</v>
      </c>
    </row>
    <row r="373" spans="1:2">
      <c r="A373" s="8">
        <v>2310852</v>
      </c>
      <c r="B373" s="8" t="s">
        <v>342</v>
      </c>
    </row>
    <row r="374" spans="1:2">
      <c r="A374" s="8">
        <v>2310844</v>
      </c>
      <c r="B374" s="8" t="s">
        <v>343</v>
      </c>
    </row>
    <row r="375" spans="1:2">
      <c r="A375" s="8">
        <v>2310021</v>
      </c>
      <c r="B375" s="8" t="s">
        <v>344</v>
      </c>
    </row>
    <row r="376" spans="1:2">
      <c r="A376" s="8">
        <v>2310854</v>
      </c>
      <c r="B376" s="8" t="s">
        <v>345</v>
      </c>
    </row>
    <row r="377" spans="1:2">
      <c r="A377" s="8">
        <v>2310835</v>
      </c>
      <c r="B377" s="8" t="s">
        <v>346</v>
      </c>
    </row>
    <row r="378" spans="1:2">
      <c r="A378" s="8">
        <v>2310853</v>
      </c>
      <c r="B378" s="8" t="s">
        <v>347</v>
      </c>
    </row>
    <row r="379" spans="1:2">
      <c r="A379" s="8">
        <v>2310836</v>
      </c>
      <c r="B379" s="8" t="s">
        <v>348</v>
      </c>
    </row>
    <row r="380" spans="1:2">
      <c r="A380" s="8">
        <v>2310064</v>
      </c>
      <c r="B380" s="8" t="s">
        <v>349</v>
      </c>
    </row>
    <row r="381" spans="1:2">
      <c r="A381" s="8">
        <v>2310047</v>
      </c>
      <c r="B381" s="8" t="s">
        <v>350</v>
      </c>
    </row>
    <row r="382" spans="1:2">
      <c r="A382" s="8">
        <v>2310053</v>
      </c>
      <c r="B382" s="8" t="s">
        <v>351</v>
      </c>
    </row>
    <row r="383" spans="1:2">
      <c r="A383" s="8">
        <v>2310063</v>
      </c>
      <c r="B383" s="8" t="s">
        <v>352</v>
      </c>
    </row>
    <row r="384" spans="1:2">
      <c r="A384" s="8">
        <v>2310052</v>
      </c>
      <c r="B384" s="8" t="s">
        <v>353</v>
      </c>
    </row>
    <row r="385" spans="1:2">
      <c r="A385" s="8">
        <v>2310031</v>
      </c>
      <c r="B385" s="8" t="s">
        <v>354</v>
      </c>
    </row>
    <row r="386" spans="1:2">
      <c r="A386" s="8">
        <v>2310066</v>
      </c>
      <c r="B386" s="8" t="s">
        <v>355</v>
      </c>
    </row>
    <row r="387" spans="1:2">
      <c r="A387" s="8">
        <v>2310043</v>
      </c>
      <c r="B387" s="8" t="s">
        <v>356</v>
      </c>
    </row>
    <row r="388" spans="1:2">
      <c r="A388" s="8">
        <v>2310044</v>
      </c>
      <c r="B388" s="8" t="s">
        <v>357</v>
      </c>
    </row>
    <row r="389" spans="1:2">
      <c r="A389" s="8">
        <v>2310042</v>
      </c>
      <c r="B389" s="8" t="s">
        <v>358</v>
      </c>
    </row>
    <row r="390" spans="1:2">
      <c r="A390" s="8">
        <v>2310037</v>
      </c>
      <c r="B390" s="8" t="s">
        <v>359</v>
      </c>
    </row>
    <row r="391" spans="1:2">
      <c r="A391" s="8">
        <v>2310032</v>
      </c>
      <c r="B391" s="8" t="s">
        <v>360</v>
      </c>
    </row>
    <row r="392" spans="1:2">
      <c r="A392" s="8">
        <v>2310007</v>
      </c>
      <c r="B392" s="8" t="s">
        <v>361</v>
      </c>
    </row>
    <row r="393" spans="1:2">
      <c r="A393" s="8">
        <v>2310048</v>
      </c>
      <c r="B393" s="8" t="s">
        <v>362</v>
      </c>
    </row>
    <row r="394" spans="1:2">
      <c r="A394" s="8">
        <v>2310843</v>
      </c>
      <c r="B394" s="8" t="s">
        <v>363</v>
      </c>
    </row>
    <row r="395" spans="1:2">
      <c r="A395" s="8">
        <v>2310005</v>
      </c>
      <c r="B395" s="8" t="s">
        <v>364</v>
      </c>
    </row>
    <row r="396" spans="1:2">
      <c r="A396" s="8">
        <v>2310826</v>
      </c>
      <c r="B396" s="8" t="s">
        <v>365</v>
      </c>
    </row>
    <row r="397" spans="1:2">
      <c r="A397" s="8">
        <v>2310823</v>
      </c>
      <c r="B397" s="8" t="s">
        <v>366</v>
      </c>
    </row>
    <row r="398" spans="1:2">
      <c r="A398" s="8">
        <v>2310824</v>
      </c>
      <c r="B398" s="8" t="s">
        <v>367</v>
      </c>
    </row>
    <row r="399" spans="1:2">
      <c r="A399" s="8">
        <v>2310803</v>
      </c>
      <c r="B399" s="8" t="s">
        <v>368</v>
      </c>
    </row>
    <row r="400" spans="1:2">
      <c r="A400" s="8">
        <v>2310821</v>
      </c>
      <c r="B400" s="8" t="s">
        <v>369</v>
      </c>
    </row>
    <row r="401" spans="1:2">
      <c r="A401" s="8">
        <v>2310811</v>
      </c>
      <c r="B401" s="8" t="s">
        <v>370</v>
      </c>
    </row>
    <row r="402" spans="1:2">
      <c r="A402" s="8">
        <v>2310825</v>
      </c>
      <c r="B402" s="8" t="s">
        <v>371</v>
      </c>
    </row>
    <row r="403" spans="1:2">
      <c r="A403" s="8">
        <v>2310833</v>
      </c>
      <c r="B403" s="8" t="s">
        <v>372</v>
      </c>
    </row>
    <row r="404" spans="1:2">
      <c r="A404" s="8">
        <v>2310832</v>
      </c>
      <c r="B404" s="8" t="s">
        <v>373</v>
      </c>
    </row>
    <row r="405" spans="1:2">
      <c r="A405" s="8">
        <v>2310804</v>
      </c>
      <c r="B405" s="8" t="s">
        <v>374</v>
      </c>
    </row>
    <row r="406" spans="1:2">
      <c r="A406" s="8">
        <v>2310822</v>
      </c>
      <c r="B406" s="8" t="s">
        <v>375</v>
      </c>
    </row>
    <row r="407" spans="1:2">
      <c r="A407" s="8">
        <v>2310827</v>
      </c>
      <c r="B407" s="8" t="s">
        <v>376</v>
      </c>
    </row>
    <row r="408" spans="1:2">
      <c r="A408" s="8">
        <v>2310806</v>
      </c>
      <c r="B408" s="8" t="s">
        <v>377</v>
      </c>
    </row>
    <row r="409" spans="1:2">
      <c r="A409" s="8">
        <v>2310016</v>
      </c>
      <c r="B409" s="8" t="s">
        <v>378</v>
      </c>
    </row>
    <row r="410" spans="1:2">
      <c r="A410" s="8">
        <v>2310025</v>
      </c>
      <c r="B410" s="8" t="s">
        <v>379</v>
      </c>
    </row>
    <row r="411" spans="1:2">
      <c r="A411" s="8">
        <v>2310838</v>
      </c>
      <c r="B411" s="8" t="s">
        <v>380</v>
      </c>
    </row>
    <row r="412" spans="1:2">
      <c r="A412" s="8">
        <v>2310017</v>
      </c>
      <c r="B412" s="8" t="s">
        <v>381</v>
      </c>
    </row>
    <row r="413" spans="1:2">
      <c r="A413" s="8">
        <v>2310006</v>
      </c>
      <c r="B413" s="8" t="s">
        <v>382</v>
      </c>
    </row>
    <row r="414" spans="1:2">
      <c r="A414" s="8">
        <v>2310816</v>
      </c>
      <c r="B414" s="8" t="s">
        <v>383</v>
      </c>
    </row>
    <row r="415" spans="1:2">
      <c r="A415" s="8">
        <v>2310856</v>
      </c>
      <c r="B415" s="8" t="s">
        <v>384</v>
      </c>
    </row>
    <row r="416" spans="1:2">
      <c r="A416" s="8">
        <v>2310065</v>
      </c>
      <c r="B416" s="8" t="s">
        <v>385</v>
      </c>
    </row>
    <row r="417" spans="1:2">
      <c r="A417" s="8">
        <v>2310841</v>
      </c>
      <c r="B417" s="8" t="s">
        <v>386</v>
      </c>
    </row>
    <row r="418" spans="1:2">
      <c r="A418" s="8">
        <v>2310034</v>
      </c>
      <c r="B418" s="8" t="s">
        <v>387</v>
      </c>
    </row>
    <row r="419" spans="1:2">
      <c r="A419" s="8">
        <v>2310849</v>
      </c>
      <c r="B419" s="8" t="s">
        <v>388</v>
      </c>
    </row>
    <row r="420" spans="1:2">
      <c r="A420" s="8">
        <v>2310004</v>
      </c>
      <c r="B420" s="8" t="s">
        <v>389</v>
      </c>
    </row>
    <row r="421" spans="1:2">
      <c r="A421" s="8">
        <v>2310861</v>
      </c>
      <c r="B421" s="8" t="s">
        <v>390</v>
      </c>
    </row>
    <row r="422" spans="1:2">
      <c r="A422" s="8">
        <v>2310831</v>
      </c>
      <c r="B422" s="8" t="s">
        <v>391</v>
      </c>
    </row>
    <row r="423" spans="1:2">
      <c r="A423" s="8">
        <v>2310023</v>
      </c>
      <c r="B423" s="8" t="s">
        <v>392</v>
      </c>
    </row>
    <row r="424" spans="1:2">
      <c r="A424" s="8">
        <v>2310036</v>
      </c>
      <c r="B424" s="8" t="s">
        <v>393</v>
      </c>
    </row>
    <row r="425" spans="1:2">
      <c r="A425" s="8">
        <v>2310862</v>
      </c>
      <c r="B425" s="8" t="s">
        <v>394</v>
      </c>
    </row>
    <row r="426" spans="1:2">
      <c r="A426" s="8">
        <v>2310846</v>
      </c>
      <c r="B426" s="8" t="s">
        <v>395</v>
      </c>
    </row>
    <row r="427" spans="1:2">
      <c r="A427" s="8">
        <v>2310038</v>
      </c>
      <c r="B427" s="8" t="s">
        <v>396</v>
      </c>
    </row>
    <row r="428" spans="1:2">
      <c r="A428" s="8">
        <v>2310851</v>
      </c>
      <c r="B428" s="8" t="s">
        <v>397</v>
      </c>
    </row>
    <row r="429" spans="1:2">
      <c r="A429" s="8">
        <v>2310058</v>
      </c>
      <c r="B429" s="8" t="s">
        <v>398</v>
      </c>
    </row>
    <row r="430" spans="1:2">
      <c r="A430" s="8">
        <v>2310022</v>
      </c>
      <c r="B430" s="8" t="s">
        <v>399</v>
      </c>
    </row>
    <row r="431" spans="1:2">
      <c r="A431" s="8">
        <v>2310041</v>
      </c>
      <c r="B431" s="8" t="s">
        <v>400</v>
      </c>
    </row>
    <row r="432" spans="1:2">
      <c r="A432" s="8">
        <v>2310024</v>
      </c>
      <c r="B432" s="8" t="s">
        <v>401</v>
      </c>
    </row>
    <row r="433" spans="1:2">
      <c r="A433" s="8">
        <v>2310056</v>
      </c>
      <c r="B433" s="8" t="s">
        <v>402</v>
      </c>
    </row>
    <row r="434" spans="1:2">
      <c r="A434" s="8">
        <v>2310805</v>
      </c>
      <c r="B434" s="8" t="s">
        <v>403</v>
      </c>
    </row>
    <row r="435" spans="1:2">
      <c r="A435" s="8">
        <v>2320000</v>
      </c>
      <c r="B435" s="8" t="s">
        <v>80</v>
      </c>
    </row>
    <row r="436" spans="1:2">
      <c r="A436" s="8">
        <v>2320051</v>
      </c>
      <c r="B436" s="8" t="s">
        <v>404</v>
      </c>
    </row>
    <row r="437" spans="1:2">
      <c r="A437" s="8">
        <v>2320052</v>
      </c>
      <c r="B437" s="8" t="s">
        <v>405</v>
      </c>
    </row>
    <row r="438" spans="1:2">
      <c r="A438" s="8">
        <v>2320053</v>
      </c>
      <c r="B438" s="8" t="s">
        <v>406</v>
      </c>
    </row>
    <row r="439" spans="1:2">
      <c r="A439" s="8">
        <v>2320024</v>
      </c>
      <c r="B439" s="8" t="s">
        <v>407</v>
      </c>
    </row>
    <row r="440" spans="1:2">
      <c r="A440" s="8">
        <v>2320031</v>
      </c>
      <c r="B440" s="8" t="s">
        <v>408</v>
      </c>
    </row>
    <row r="441" spans="1:2">
      <c r="A441" s="8">
        <v>2320044</v>
      </c>
      <c r="B441" s="8" t="s">
        <v>409</v>
      </c>
    </row>
    <row r="442" spans="1:2">
      <c r="A442" s="8">
        <v>2320061</v>
      </c>
      <c r="B442" s="8" t="s">
        <v>410</v>
      </c>
    </row>
    <row r="443" spans="1:2">
      <c r="A443" s="8">
        <v>2320054</v>
      </c>
      <c r="B443" s="8" t="s">
        <v>411</v>
      </c>
    </row>
    <row r="444" spans="1:2">
      <c r="A444" s="8">
        <v>2320008</v>
      </c>
      <c r="B444" s="8" t="s">
        <v>412</v>
      </c>
    </row>
    <row r="445" spans="1:2">
      <c r="A445" s="8">
        <v>2320034</v>
      </c>
      <c r="B445" s="8" t="s">
        <v>413</v>
      </c>
    </row>
    <row r="446" spans="1:2">
      <c r="A446" s="8">
        <v>2320015</v>
      </c>
      <c r="B446" s="8" t="s">
        <v>414</v>
      </c>
    </row>
    <row r="447" spans="1:2">
      <c r="A447" s="8">
        <v>2320067</v>
      </c>
      <c r="B447" s="8" t="s">
        <v>415</v>
      </c>
    </row>
    <row r="448" spans="1:2">
      <c r="A448" s="8">
        <v>2320013</v>
      </c>
      <c r="B448" s="8" t="s">
        <v>416</v>
      </c>
    </row>
    <row r="449" spans="1:2">
      <c r="A449" s="8">
        <v>2320036</v>
      </c>
      <c r="B449" s="8" t="s">
        <v>417</v>
      </c>
    </row>
    <row r="450" spans="1:2">
      <c r="A450" s="8">
        <v>2320007</v>
      </c>
      <c r="B450" s="8" t="s">
        <v>418</v>
      </c>
    </row>
    <row r="451" spans="1:2">
      <c r="A451" s="8">
        <v>2320017</v>
      </c>
      <c r="B451" s="8" t="s">
        <v>419</v>
      </c>
    </row>
    <row r="452" spans="1:2">
      <c r="A452" s="8">
        <v>2320005</v>
      </c>
      <c r="B452" s="8" t="s">
        <v>420</v>
      </c>
    </row>
    <row r="453" spans="1:2">
      <c r="A453" s="8">
        <v>2320023</v>
      </c>
      <c r="B453" s="8" t="s">
        <v>421</v>
      </c>
    </row>
    <row r="454" spans="1:2">
      <c r="A454" s="8">
        <v>2320027</v>
      </c>
      <c r="B454" s="8" t="s">
        <v>422</v>
      </c>
    </row>
    <row r="455" spans="1:2">
      <c r="A455" s="8">
        <v>2320025</v>
      </c>
      <c r="B455" s="8" t="s">
        <v>423</v>
      </c>
    </row>
    <row r="456" spans="1:2">
      <c r="A456" s="8">
        <v>2320022</v>
      </c>
      <c r="B456" s="8" t="s">
        <v>424</v>
      </c>
    </row>
    <row r="457" spans="1:2">
      <c r="A457" s="8">
        <v>2320056</v>
      </c>
      <c r="B457" s="8" t="s">
        <v>425</v>
      </c>
    </row>
    <row r="458" spans="1:2">
      <c r="A458" s="8">
        <v>2320063</v>
      </c>
      <c r="B458" s="8" t="s">
        <v>426</v>
      </c>
    </row>
    <row r="459" spans="1:2">
      <c r="A459" s="8">
        <v>2320062</v>
      </c>
      <c r="B459" s="8" t="s">
        <v>427</v>
      </c>
    </row>
    <row r="460" spans="1:2">
      <c r="A460" s="8">
        <v>2320055</v>
      </c>
      <c r="B460" s="8" t="s">
        <v>428</v>
      </c>
    </row>
    <row r="461" spans="1:2">
      <c r="A461" s="8">
        <v>2320033</v>
      </c>
      <c r="B461" s="8" t="s">
        <v>429</v>
      </c>
    </row>
    <row r="462" spans="1:2">
      <c r="A462" s="8">
        <v>2320074</v>
      </c>
      <c r="B462" s="8" t="s">
        <v>430</v>
      </c>
    </row>
    <row r="463" spans="1:2">
      <c r="A463" s="8">
        <v>2320076</v>
      </c>
      <c r="B463" s="8" t="s">
        <v>431</v>
      </c>
    </row>
    <row r="464" spans="1:2">
      <c r="A464" s="8">
        <v>2320075</v>
      </c>
      <c r="B464" s="8" t="s">
        <v>432</v>
      </c>
    </row>
    <row r="465" spans="1:2">
      <c r="A465" s="8">
        <v>2320072</v>
      </c>
      <c r="B465" s="8" t="s">
        <v>433</v>
      </c>
    </row>
    <row r="466" spans="1:2">
      <c r="A466" s="8">
        <v>2320073</v>
      </c>
      <c r="B466" s="8" t="s">
        <v>434</v>
      </c>
    </row>
    <row r="467" spans="1:2">
      <c r="A467" s="8">
        <v>2320071</v>
      </c>
      <c r="B467" s="8" t="s">
        <v>435</v>
      </c>
    </row>
    <row r="468" spans="1:2">
      <c r="A468" s="8">
        <v>2320003</v>
      </c>
      <c r="B468" s="8" t="s">
        <v>436</v>
      </c>
    </row>
    <row r="469" spans="1:2">
      <c r="A469" s="8">
        <v>2320037</v>
      </c>
      <c r="B469" s="8" t="s">
        <v>437</v>
      </c>
    </row>
    <row r="470" spans="1:2">
      <c r="A470" s="8">
        <v>2320018</v>
      </c>
      <c r="B470" s="8" t="s">
        <v>438</v>
      </c>
    </row>
    <row r="471" spans="1:2">
      <c r="A471" s="8">
        <v>2320011</v>
      </c>
      <c r="B471" s="8" t="s">
        <v>439</v>
      </c>
    </row>
    <row r="472" spans="1:2">
      <c r="A472" s="8">
        <v>2320045</v>
      </c>
      <c r="B472" s="8" t="s">
        <v>440</v>
      </c>
    </row>
    <row r="473" spans="1:2">
      <c r="A473" s="8">
        <v>2320001</v>
      </c>
      <c r="B473" s="8" t="s">
        <v>441</v>
      </c>
    </row>
    <row r="474" spans="1:2">
      <c r="A474" s="8">
        <v>2320026</v>
      </c>
      <c r="B474" s="8" t="s">
        <v>442</v>
      </c>
    </row>
    <row r="475" spans="1:2">
      <c r="A475" s="8">
        <v>2320035</v>
      </c>
      <c r="B475" s="8" t="s">
        <v>443</v>
      </c>
    </row>
    <row r="476" spans="1:2">
      <c r="A476" s="8">
        <v>2320064</v>
      </c>
      <c r="B476" s="8" t="s">
        <v>444</v>
      </c>
    </row>
    <row r="477" spans="1:2">
      <c r="A477" s="8">
        <v>2320065</v>
      </c>
      <c r="B477" s="8" t="s">
        <v>445</v>
      </c>
    </row>
    <row r="478" spans="1:2">
      <c r="A478" s="8">
        <v>2320042</v>
      </c>
      <c r="B478" s="8" t="s">
        <v>446</v>
      </c>
    </row>
    <row r="479" spans="1:2">
      <c r="A479" s="8">
        <v>2320043</v>
      </c>
      <c r="B479" s="8" t="s">
        <v>447</v>
      </c>
    </row>
    <row r="480" spans="1:2">
      <c r="A480" s="8">
        <v>2320004</v>
      </c>
      <c r="B480" s="8" t="s">
        <v>448</v>
      </c>
    </row>
    <row r="481" spans="1:2">
      <c r="A481" s="8">
        <v>2320021</v>
      </c>
      <c r="B481" s="8" t="s">
        <v>449</v>
      </c>
    </row>
    <row r="482" spans="1:2">
      <c r="A482" s="8">
        <v>2320032</v>
      </c>
      <c r="B482" s="8" t="s">
        <v>450</v>
      </c>
    </row>
    <row r="483" spans="1:2">
      <c r="A483" s="8">
        <v>2320006</v>
      </c>
      <c r="B483" s="8" t="s">
        <v>451</v>
      </c>
    </row>
    <row r="484" spans="1:2">
      <c r="A484" s="8">
        <v>2320012</v>
      </c>
      <c r="B484" s="8" t="s">
        <v>452</v>
      </c>
    </row>
    <row r="485" spans="1:2">
      <c r="A485" s="8">
        <v>2320002</v>
      </c>
      <c r="B485" s="8" t="s">
        <v>453</v>
      </c>
    </row>
    <row r="486" spans="1:2">
      <c r="A486" s="8">
        <v>2320016</v>
      </c>
      <c r="B486" s="8" t="s">
        <v>454</v>
      </c>
    </row>
    <row r="487" spans="1:2">
      <c r="A487" s="8">
        <v>2320066</v>
      </c>
      <c r="B487" s="8" t="s">
        <v>455</v>
      </c>
    </row>
    <row r="488" spans="1:2">
      <c r="A488" s="8">
        <v>2320041</v>
      </c>
      <c r="B488" s="8" t="s">
        <v>456</v>
      </c>
    </row>
    <row r="489" spans="1:2">
      <c r="A489" s="8">
        <v>2320014</v>
      </c>
      <c r="B489" s="8" t="s">
        <v>457</v>
      </c>
    </row>
    <row r="490" spans="1:2">
      <c r="A490" s="8">
        <v>2320057</v>
      </c>
      <c r="B490" s="8" t="s">
        <v>458</v>
      </c>
    </row>
    <row r="491" spans="1:2">
      <c r="A491" s="8">
        <v>2400000</v>
      </c>
      <c r="B491" s="8" t="s">
        <v>81</v>
      </c>
    </row>
    <row r="492" spans="1:2">
      <c r="A492" s="8">
        <v>2400053</v>
      </c>
      <c r="B492" s="8" t="s">
        <v>459</v>
      </c>
    </row>
    <row r="493" spans="1:2">
      <c r="A493" s="8">
        <v>2400035</v>
      </c>
      <c r="B493" s="8" t="s">
        <v>460</v>
      </c>
    </row>
    <row r="494" spans="1:2">
      <c r="A494" s="8">
        <v>2400023</v>
      </c>
      <c r="B494" s="8" t="s">
        <v>461</v>
      </c>
    </row>
    <row r="495" spans="1:2">
      <c r="A495" s="8">
        <v>2400015</v>
      </c>
      <c r="B495" s="8" t="s">
        <v>462</v>
      </c>
    </row>
    <row r="496" spans="1:2">
      <c r="A496" s="8">
        <v>2400004</v>
      </c>
      <c r="B496" s="8" t="s">
        <v>463</v>
      </c>
    </row>
    <row r="497" spans="1:2">
      <c r="A497" s="8">
        <v>2400062</v>
      </c>
      <c r="B497" s="8" t="s">
        <v>464</v>
      </c>
    </row>
    <row r="498" spans="1:2">
      <c r="A498" s="8">
        <v>2400014</v>
      </c>
      <c r="B498" s="8" t="s">
        <v>465</v>
      </c>
    </row>
    <row r="499" spans="1:2">
      <c r="A499" s="8">
        <v>2400013</v>
      </c>
      <c r="B499" s="8" t="s">
        <v>466</v>
      </c>
    </row>
    <row r="500" spans="1:2">
      <c r="A500" s="8">
        <v>2400066</v>
      </c>
      <c r="B500" s="8" t="s">
        <v>467</v>
      </c>
    </row>
    <row r="501" spans="1:2">
      <c r="A501" s="8">
        <v>2400063</v>
      </c>
      <c r="B501" s="8" t="s">
        <v>468</v>
      </c>
    </row>
    <row r="502" spans="1:2">
      <c r="A502" s="8">
        <v>2400051</v>
      </c>
      <c r="B502" s="8" t="s">
        <v>469</v>
      </c>
    </row>
    <row r="503" spans="1:2">
      <c r="A503" s="8">
        <v>2400042</v>
      </c>
      <c r="B503" s="8" t="s">
        <v>470</v>
      </c>
    </row>
    <row r="504" spans="1:2">
      <c r="A504" s="8">
        <v>2400025</v>
      </c>
      <c r="B504" s="8" t="s">
        <v>471</v>
      </c>
    </row>
    <row r="505" spans="1:2">
      <c r="A505" s="8">
        <v>2400045</v>
      </c>
      <c r="B505" s="8" t="s">
        <v>472</v>
      </c>
    </row>
    <row r="506" spans="1:2">
      <c r="A506" s="8">
        <v>2400001</v>
      </c>
      <c r="B506" s="8" t="s">
        <v>473</v>
      </c>
    </row>
    <row r="507" spans="1:2">
      <c r="A507" s="8">
        <v>2400005</v>
      </c>
      <c r="B507" s="8" t="s">
        <v>474</v>
      </c>
    </row>
    <row r="508" spans="1:2">
      <c r="A508" s="8">
        <v>2400026</v>
      </c>
      <c r="B508" s="8" t="s">
        <v>475</v>
      </c>
    </row>
    <row r="509" spans="1:2">
      <c r="A509" s="8">
        <v>2400034</v>
      </c>
      <c r="B509" s="8" t="s">
        <v>476</v>
      </c>
    </row>
    <row r="510" spans="1:2">
      <c r="A510" s="8">
        <v>2400033</v>
      </c>
      <c r="B510" s="8" t="s">
        <v>477</v>
      </c>
    </row>
    <row r="511" spans="1:2">
      <c r="A511" s="8">
        <v>2400043</v>
      </c>
      <c r="B511" s="8" t="s">
        <v>478</v>
      </c>
    </row>
    <row r="512" spans="1:2">
      <c r="A512" s="8">
        <v>2400011</v>
      </c>
      <c r="B512" s="8" t="s">
        <v>479</v>
      </c>
    </row>
    <row r="513" spans="1:2">
      <c r="A513" s="8">
        <v>2400036</v>
      </c>
      <c r="B513" s="8" t="s">
        <v>480</v>
      </c>
    </row>
    <row r="514" spans="1:2">
      <c r="A514" s="8">
        <v>2400024</v>
      </c>
      <c r="B514" s="8" t="s">
        <v>481</v>
      </c>
    </row>
    <row r="515" spans="1:2">
      <c r="A515" s="8">
        <v>2400012</v>
      </c>
      <c r="B515" s="8" t="s">
        <v>482</v>
      </c>
    </row>
    <row r="516" spans="1:2">
      <c r="A516" s="8">
        <v>2400003</v>
      </c>
      <c r="B516" s="8" t="s">
        <v>483</v>
      </c>
    </row>
    <row r="517" spans="1:2">
      <c r="A517" s="8">
        <v>2400067</v>
      </c>
      <c r="B517" s="8" t="s">
        <v>484</v>
      </c>
    </row>
    <row r="518" spans="1:2">
      <c r="A518" s="8">
        <v>2400022</v>
      </c>
      <c r="B518" s="8" t="s">
        <v>485</v>
      </c>
    </row>
    <row r="519" spans="1:2">
      <c r="A519" s="8">
        <v>2400054</v>
      </c>
      <c r="B519" s="8" t="s">
        <v>486</v>
      </c>
    </row>
    <row r="520" spans="1:2">
      <c r="A520" s="8">
        <v>2400052</v>
      </c>
      <c r="B520" s="8" t="s">
        <v>487</v>
      </c>
    </row>
    <row r="521" spans="1:2">
      <c r="A521" s="8">
        <v>2400016</v>
      </c>
      <c r="B521" s="8" t="s">
        <v>488</v>
      </c>
    </row>
    <row r="522" spans="1:2">
      <c r="A522" s="8">
        <v>2400017</v>
      </c>
      <c r="B522" s="8" t="s">
        <v>489</v>
      </c>
    </row>
    <row r="523" spans="1:2">
      <c r="A523" s="8">
        <v>2400041</v>
      </c>
      <c r="B523" s="8" t="s">
        <v>490</v>
      </c>
    </row>
    <row r="524" spans="1:2">
      <c r="A524" s="8">
        <v>2400031</v>
      </c>
      <c r="B524" s="8" t="s">
        <v>491</v>
      </c>
    </row>
    <row r="525" spans="1:2">
      <c r="A525" s="8">
        <v>2400044</v>
      </c>
      <c r="B525" s="8" t="s">
        <v>492</v>
      </c>
    </row>
    <row r="526" spans="1:2">
      <c r="A526" s="8">
        <v>2400046</v>
      </c>
      <c r="B526" s="8" t="s">
        <v>493</v>
      </c>
    </row>
    <row r="527" spans="1:2">
      <c r="A527" s="8">
        <v>2400032</v>
      </c>
      <c r="B527" s="8" t="s">
        <v>494</v>
      </c>
    </row>
    <row r="528" spans="1:2">
      <c r="A528" s="8">
        <v>2400006</v>
      </c>
      <c r="B528" s="8" t="s">
        <v>495</v>
      </c>
    </row>
    <row r="529" spans="1:2">
      <c r="A529" s="8">
        <v>2400021</v>
      </c>
      <c r="B529" s="8" t="s">
        <v>496</v>
      </c>
    </row>
    <row r="530" spans="1:2">
      <c r="A530" s="8">
        <v>2400064</v>
      </c>
      <c r="B530" s="8" t="s">
        <v>497</v>
      </c>
    </row>
    <row r="531" spans="1:2">
      <c r="A531" s="8">
        <v>2400061</v>
      </c>
      <c r="B531" s="8" t="s">
        <v>498</v>
      </c>
    </row>
    <row r="532" spans="1:2">
      <c r="A532" s="8">
        <v>2400002</v>
      </c>
      <c r="B532" s="8" t="s">
        <v>499</v>
      </c>
    </row>
    <row r="533" spans="1:2">
      <c r="A533" s="8">
        <v>2400007</v>
      </c>
      <c r="B533" s="8" t="s">
        <v>500</v>
      </c>
    </row>
    <row r="534" spans="1:2">
      <c r="A534" s="8">
        <v>2400065</v>
      </c>
      <c r="B534" s="8" t="s">
        <v>501</v>
      </c>
    </row>
    <row r="535" spans="1:2">
      <c r="A535" s="8">
        <v>2350000</v>
      </c>
      <c r="B535" s="8" t="s">
        <v>82</v>
      </c>
    </row>
    <row r="536" spans="1:2">
      <c r="A536" s="8">
        <v>2350016</v>
      </c>
      <c r="B536" s="8" t="s">
        <v>502</v>
      </c>
    </row>
    <row r="537" spans="1:2">
      <c r="A537" s="8">
        <v>2350019</v>
      </c>
      <c r="B537" s="8" t="s">
        <v>503</v>
      </c>
    </row>
    <row r="538" spans="1:2">
      <c r="A538" s="8">
        <v>2350006</v>
      </c>
      <c r="B538" s="8" t="s">
        <v>504</v>
      </c>
    </row>
    <row r="539" spans="1:2">
      <c r="A539" s="8">
        <v>2350021</v>
      </c>
      <c r="B539" s="8" t="s">
        <v>505</v>
      </c>
    </row>
    <row r="540" spans="1:2">
      <c r="A540" s="8">
        <v>2350001</v>
      </c>
      <c r="B540" s="8" t="s">
        <v>506</v>
      </c>
    </row>
    <row r="541" spans="1:2">
      <c r="A541" s="8">
        <v>2350042</v>
      </c>
      <c r="B541" s="8" t="s">
        <v>507</v>
      </c>
    </row>
    <row r="542" spans="1:2">
      <c r="A542" s="8">
        <v>2350041</v>
      </c>
      <c r="B542" s="8" t="s">
        <v>508</v>
      </c>
    </row>
    <row r="543" spans="1:2">
      <c r="A543" s="8">
        <v>2350003</v>
      </c>
      <c r="B543" s="8" t="s">
        <v>509</v>
      </c>
    </row>
    <row r="544" spans="1:2">
      <c r="A544" s="8">
        <v>2350022</v>
      </c>
      <c r="B544" s="8" t="s">
        <v>510</v>
      </c>
    </row>
    <row r="545" spans="1:2">
      <c r="A545" s="8">
        <v>2350004</v>
      </c>
      <c r="B545" s="8" t="s">
        <v>511</v>
      </c>
    </row>
    <row r="546" spans="1:2">
      <c r="A546" s="8">
        <v>2350017</v>
      </c>
      <c r="B546" s="8" t="s">
        <v>512</v>
      </c>
    </row>
    <row r="547" spans="1:2">
      <c r="A547" s="8">
        <v>2350032</v>
      </c>
      <c r="B547" s="8" t="s">
        <v>513</v>
      </c>
    </row>
    <row r="548" spans="1:2">
      <c r="A548" s="8">
        <v>2350031</v>
      </c>
      <c r="B548" s="8" t="s">
        <v>514</v>
      </c>
    </row>
    <row r="549" spans="1:2">
      <c r="A549" s="8">
        <v>2350018</v>
      </c>
      <c r="B549" s="8" t="s">
        <v>515</v>
      </c>
    </row>
    <row r="550" spans="1:2">
      <c r="A550" s="8">
        <v>2350033</v>
      </c>
      <c r="B550" s="8" t="s">
        <v>516</v>
      </c>
    </row>
    <row r="551" spans="1:2">
      <c r="A551" s="8">
        <v>2350034</v>
      </c>
      <c r="B551" s="8" t="s">
        <v>517</v>
      </c>
    </row>
    <row r="552" spans="1:2">
      <c r="A552" s="8">
        <v>2350012</v>
      </c>
      <c r="B552" s="8" t="s">
        <v>518</v>
      </c>
    </row>
    <row r="553" spans="1:2">
      <c r="A553" s="8">
        <v>2350035</v>
      </c>
      <c r="B553" s="8" t="s">
        <v>519</v>
      </c>
    </row>
    <row r="554" spans="1:2">
      <c r="A554" s="8">
        <v>2350014</v>
      </c>
      <c r="B554" s="8" t="s">
        <v>520</v>
      </c>
    </row>
    <row r="555" spans="1:2">
      <c r="A555" s="8">
        <v>2350036</v>
      </c>
      <c r="B555" s="8" t="s">
        <v>521</v>
      </c>
    </row>
    <row r="556" spans="1:2">
      <c r="A556" s="8">
        <v>2350007</v>
      </c>
      <c r="B556" s="8" t="s">
        <v>522</v>
      </c>
    </row>
    <row r="557" spans="1:2">
      <c r="A557" s="8">
        <v>2350002</v>
      </c>
      <c r="B557" s="8" t="s">
        <v>523</v>
      </c>
    </row>
    <row r="558" spans="1:2">
      <c r="A558" s="8">
        <v>2350008</v>
      </c>
      <c r="B558" s="8" t="s">
        <v>524</v>
      </c>
    </row>
    <row r="559" spans="1:2">
      <c r="A559" s="8">
        <v>2350005</v>
      </c>
      <c r="B559" s="8" t="s">
        <v>525</v>
      </c>
    </row>
    <row r="560" spans="1:2">
      <c r="A560" s="8">
        <v>2350015</v>
      </c>
      <c r="B560" s="8" t="s">
        <v>526</v>
      </c>
    </row>
    <row r="561" spans="1:2">
      <c r="A561" s="8">
        <v>2350043</v>
      </c>
      <c r="B561" s="8" t="s">
        <v>527</v>
      </c>
    </row>
    <row r="562" spans="1:2">
      <c r="A562" s="8">
        <v>2350013</v>
      </c>
      <c r="B562" s="8" t="s">
        <v>528</v>
      </c>
    </row>
    <row r="563" spans="1:2">
      <c r="A563" s="8">
        <v>2350011</v>
      </c>
      <c r="B563" s="8" t="s">
        <v>529</v>
      </c>
    </row>
    <row r="564" spans="1:2">
      <c r="A564" s="8">
        <v>2350044</v>
      </c>
      <c r="B564" s="8" t="s">
        <v>530</v>
      </c>
    </row>
    <row r="565" spans="1:2">
      <c r="A565" s="8">
        <v>2350023</v>
      </c>
      <c r="B565" s="8" t="s">
        <v>531</v>
      </c>
    </row>
    <row r="566" spans="1:2">
      <c r="A566" s="8">
        <v>2350024</v>
      </c>
      <c r="B566" s="8" t="s">
        <v>532</v>
      </c>
    </row>
    <row r="567" spans="1:2">
      <c r="A567" s="8">
        <v>2350045</v>
      </c>
      <c r="B567" s="8" t="s">
        <v>533</v>
      </c>
    </row>
    <row r="568" spans="1:2">
      <c r="A568" s="8">
        <v>2360000</v>
      </c>
      <c r="B568" s="8" t="s">
        <v>83</v>
      </c>
    </row>
    <row r="569" spans="1:2">
      <c r="A569" s="8">
        <v>2360034</v>
      </c>
      <c r="B569" s="8" t="s">
        <v>534</v>
      </c>
    </row>
    <row r="570" spans="1:2">
      <c r="A570" s="8">
        <v>2360013</v>
      </c>
      <c r="B570" s="8" t="s">
        <v>535</v>
      </c>
    </row>
    <row r="571" spans="1:2">
      <c r="A571" s="8">
        <v>2360043</v>
      </c>
      <c r="B571" s="8" t="s">
        <v>536</v>
      </c>
    </row>
    <row r="572" spans="1:2">
      <c r="A572" s="8">
        <v>2360024</v>
      </c>
      <c r="B572" s="8" t="s">
        <v>537</v>
      </c>
    </row>
    <row r="573" spans="1:2">
      <c r="A573" s="8">
        <v>2360055</v>
      </c>
      <c r="B573" s="8" t="s">
        <v>538</v>
      </c>
    </row>
    <row r="574" spans="1:2">
      <c r="A574" s="8">
        <v>2360015</v>
      </c>
      <c r="B574" s="8" t="s">
        <v>539</v>
      </c>
    </row>
    <row r="575" spans="1:2">
      <c r="A575" s="8">
        <v>2360041</v>
      </c>
      <c r="B575" s="8" t="s">
        <v>540</v>
      </c>
    </row>
    <row r="576" spans="1:2">
      <c r="A576" s="8">
        <v>2360042</v>
      </c>
      <c r="B576" s="8" t="s">
        <v>541</v>
      </c>
    </row>
    <row r="577" spans="1:2">
      <c r="A577" s="8">
        <v>2360046</v>
      </c>
      <c r="B577" s="8" t="s">
        <v>542</v>
      </c>
    </row>
    <row r="578" spans="1:2">
      <c r="A578" s="8">
        <v>2360045</v>
      </c>
      <c r="B578" s="8" t="s">
        <v>543</v>
      </c>
    </row>
    <row r="579" spans="1:2">
      <c r="A579" s="8">
        <v>2360003</v>
      </c>
      <c r="B579" s="8" t="s">
        <v>544</v>
      </c>
    </row>
    <row r="580" spans="1:2">
      <c r="A580" s="8">
        <v>2360012</v>
      </c>
      <c r="B580" s="8" t="s">
        <v>545</v>
      </c>
    </row>
    <row r="581" spans="1:2">
      <c r="A581" s="8">
        <v>2360001</v>
      </c>
      <c r="B581" s="8" t="s">
        <v>546</v>
      </c>
    </row>
    <row r="582" spans="1:2">
      <c r="A582" s="8">
        <v>2360007</v>
      </c>
      <c r="B582" s="8" t="s">
        <v>547</v>
      </c>
    </row>
    <row r="583" spans="1:2">
      <c r="A583" s="8">
        <v>2360028</v>
      </c>
      <c r="B583" s="8" t="s">
        <v>548</v>
      </c>
    </row>
    <row r="584" spans="1:2">
      <c r="A584" s="8">
        <v>2360027</v>
      </c>
      <c r="B584" s="8" t="s">
        <v>549</v>
      </c>
    </row>
    <row r="585" spans="1:2">
      <c r="A585" s="8">
        <v>2360035</v>
      </c>
      <c r="B585" s="8" t="s">
        <v>550</v>
      </c>
    </row>
    <row r="586" spans="1:2">
      <c r="A586" s="8">
        <v>2360044</v>
      </c>
      <c r="B586" s="8" t="s">
        <v>551</v>
      </c>
    </row>
    <row r="587" spans="1:2">
      <c r="A587" s="8">
        <v>2360021</v>
      </c>
      <c r="B587" s="8" t="s">
        <v>552</v>
      </c>
    </row>
    <row r="588" spans="1:2">
      <c r="A588" s="8">
        <v>2360014</v>
      </c>
      <c r="B588" s="8" t="s">
        <v>553</v>
      </c>
    </row>
    <row r="589" spans="1:2">
      <c r="A589" s="8">
        <v>2360051</v>
      </c>
      <c r="B589" s="8" t="s">
        <v>554</v>
      </c>
    </row>
    <row r="590" spans="1:2">
      <c r="A590" s="8">
        <v>2360052</v>
      </c>
      <c r="B590" s="8" t="s">
        <v>555</v>
      </c>
    </row>
    <row r="591" spans="1:2">
      <c r="A591" s="8">
        <v>2360002</v>
      </c>
      <c r="B591" s="8" t="s">
        <v>556</v>
      </c>
    </row>
    <row r="592" spans="1:2">
      <c r="A592" s="8">
        <v>2360011</v>
      </c>
      <c r="B592" s="8" t="s">
        <v>557</v>
      </c>
    </row>
    <row r="593" spans="1:2">
      <c r="A593" s="8">
        <v>2360005</v>
      </c>
      <c r="B593" s="8" t="s">
        <v>558</v>
      </c>
    </row>
    <row r="594" spans="1:2">
      <c r="A594" s="8">
        <v>2360017</v>
      </c>
      <c r="B594" s="8" t="s">
        <v>559</v>
      </c>
    </row>
    <row r="595" spans="1:2">
      <c r="A595" s="8">
        <v>2360057</v>
      </c>
      <c r="B595" s="8" t="s">
        <v>560</v>
      </c>
    </row>
    <row r="596" spans="1:2">
      <c r="A596" s="8">
        <v>2360053</v>
      </c>
      <c r="B596" s="8" t="s">
        <v>561</v>
      </c>
    </row>
    <row r="597" spans="1:2">
      <c r="A597" s="8">
        <v>2360058</v>
      </c>
      <c r="B597" s="8" t="s">
        <v>562</v>
      </c>
    </row>
    <row r="598" spans="1:2">
      <c r="A598" s="8">
        <v>2360056</v>
      </c>
      <c r="B598" s="8" t="s">
        <v>563</v>
      </c>
    </row>
    <row r="599" spans="1:2">
      <c r="A599" s="8">
        <v>2360025</v>
      </c>
      <c r="B599" s="8" t="s">
        <v>564</v>
      </c>
    </row>
    <row r="600" spans="1:2">
      <c r="A600" s="8">
        <v>2360006</v>
      </c>
      <c r="B600" s="8" t="s">
        <v>565</v>
      </c>
    </row>
    <row r="601" spans="1:2">
      <c r="A601" s="8">
        <v>2360033</v>
      </c>
      <c r="B601" s="8" t="s">
        <v>566</v>
      </c>
    </row>
    <row r="602" spans="1:2">
      <c r="A602" s="8">
        <v>2360023</v>
      </c>
      <c r="B602" s="8" t="s">
        <v>567</v>
      </c>
    </row>
    <row r="603" spans="1:2">
      <c r="A603" s="8">
        <v>2360004</v>
      </c>
      <c r="B603" s="8" t="s">
        <v>568</v>
      </c>
    </row>
    <row r="604" spans="1:2">
      <c r="A604" s="8">
        <v>2360054</v>
      </c>
      <c r="B604" s="8" t="s">
        <v>569</v>
      </c>
    </row>
    <row r="605" spans="1:2">
      <c r="A605" s="8">
        <v>2360022</v>
      </c>
      <c r="B605" s="8" t="s">
        <v>570</v>
      </c>
    </row>
    <row r="606" spans="1:2">
      <c r="A606" s="8">
        <v>2360036</v>
      </c>
      <c r="B606" s="8" t="s">
        <v>571</v>
      </c>
    </row>
    <row r="607" spans="1:2">
      <c r="A607" s="8">
        <v>2360031</v>
      </c>
      <c r="B607" s="8" t="s">
        <v>572</v>
      </c>
    </row>
    <row r="608" spans="1:2">
      <c r="A608" s="8">
        <v>2360032</v>
      </c>
      <c r="B608" s="8" t="s">
        <v>573</v>
      </c>
    </row>
    <row r="609" spans="1:2">
      <c r="A609" s="8">
        <v>2360037</v>
      </c>
      <c r="B609" s="8" t="s">
        <v>574</v>
      </c>
    </row>
    <row r="610" spans="1:2">
      <c r="A610" s="8">
        <v>2360038</v>
      </c>
      <c r="B610" s="8" t="s">
        <v>575</v>
      </c>
    </row>
    <row r="611" spans="1:2">
      <c r="A611" s="8">
        <v>2360016</v>
      </c>
      <c r="B611" s="8" t="s">
        <v>576</v>
      </c>
    </row>
    <row r="612" spans="1:2">
      <c r="A612" s="8">
        <v>2360026</v>
      </c>
      <c r="B612" s="8" t="s">
        <v>577</v>
      </c>
    </row>
    <row r="613" spans="1:2">
      <c r="A613" s="8">
        <v>2220000</v>
      </c>
      <c r="B613" s="8" t="s">
        <v>84</v>
      </c>
    </row>
    <row r="614" spans="1:2">
      <c r="A614" s="8">
        <v>2220037</v>
      </c>
      <c r="B614" s="8" t="s">
        <v>578</v>
      </c>
    </row>
    <row r="615" spans="1:2">
      <c r="A615" s="8">
        <v>2220003</v>
      </c>
      <c r="B615" s="8" t="s">
        <v>579</v>
      </c>
    </row>
    <row r="616" spans="1:2">
      <c r="A616" s="8">
        <v>2220004</v>
      </c>
      <c r="B616" s="8" t="s">
        <v>580</v>
      </c>
    </row>
    <row r="617" spans="1:2">
      <c r="A617" s="8">
        <v>2220011</v>
      </c>
      <c r="B617" s="8" t="s">
        <v>581</v>
      </c>
    </row>
    <row r="618" spans="1:2">
      <c r="A618" s="8">
        <v>2220034</v>
      </c>
      <c r="B618" s="8" t="s">
        <v>582</v>
      </c>
    </row>
    <row r="619" spans="1:2">
      <c r="A619" s="8">
        <v>2230059</v>
      </c>
      <c r="B619" s="8" t="s">
        <v>583</v>
      </c>
    </row>
    <row r="620" spans="1:2">
      <c r="A620" s="8">
        <v>2220036</v>
      </c>
      <c r="B620" s="8" t="s">
        <v>584</v>
      </c>
    </row>
    <row r="621" spans="1:2">
      <c r="A621" s="8">
        <v>2220024</v>
      </c>
      <c r="B621" s="8" t="s">
        <v>585</v>
      </c>
    </row>
    <row r="622" spans="1:2">
      <c r="A622" s="8">
        <v>2220026</v>
      </c>
      <c r="B622" s="8" t="s">
        <v>586</v>
      </c>
    </row>
    <row r="623" spans="1:2">
      <c r="A623" s="8">
        <v>2220025</v>
      </c>
      <c r="B623" s="8" t="s">
        <v>587</v>
      </c>
    </row>
    <row r="624" spans="1:2">
      <c r="A624" s="8">
        <v>2220022</v>
      </c>
      <c r="B624" s="8" t="s">
        <v>588</v>
      </c>
    </row>
    <row r="625" spans="1:2">
      <c r="A625" s="8">
        <v>2220021</v>
      </c>
      <c r="B625" s="8" t="s">
        <v>589</v>
      </c>
    </row>
    <row r="626" spans="1:2">
      <c r="A626" s="8">
        <v>2230064</v>
      </c>
      <c r="B626" s="8" t="s">
        <v>590</v>
      </c>
    </row>
    <row r="627" spans="1:2">
      <c r="A627" s="8">
        <v>2220033</v>
      </c>
      <c r="B627" s="8" t="s">
        <v>591</v>
      </c>
    </row>
    <row r="628" spans="1:2">
      <c r="A628" s="8">
        <v>2230056</v>
      </c>
      <c r="B628" s="8" t="s">
        <v>592</v>
      </c>
    </row>
    <row r="629" spans="1:2">
      <c r="A629" s="8">
        <v>2230058</v>
      </c>
      <c r="B629" s="8" t="s">
        <v>593</v>
      </c>
    </row>
    <row r="630" spans="1:2">
      <c r="A630" s="8">
        <v>2230063</v>
      </c>
      <c r="B630" s="8" t="s">
        <v>594</v>
      </c>
    </row>
    <row r="631" spans="1:2">
      <c r="A631" s="8">
        <v>2230066</v>
      </c>
      <c r="B631" s="8" t="s">
        <v>595</v>
      </c>
    </row>
    <row r="632" spans="1:2">
      <c r="A632" s="8">
        <v>2230065</v>
      </c>
      <c r="B632" s="8" t="s">
        <v>596</v>
      </c>
    </row>
    <row r="633" spans="1:2">
      <c r="A633" s="8">
        <v>2220001</v>
      </c>
      <c r="B633" s="8" t="s">
        <v>597</v>
      </c>
    </row>
    <row r="634" spans="1:2">
      <c r="A634" s="8">
        <v>2230055</v>
      </c>
      <c r="B634" s="8" t="s">
        <v>598</v>
      </c>
    </row>
    <row r="635" spans="1:2">
      <c r="A635" s="8">
        <v>2230054</v>
      </c>
      <c r="B635" s="8" t="s">
        <v>599</v>
      </c>
    </row>
    <row r="636" spans="1:2">
      <c r="A636" s="8">
        <v>2230052</v>
      </c>
      <c r="B636" s="8" t="s">
        <v>600</v>
      </c>
    </row>
    <row r="637" spans="1:2">
      <c r="A637" s="8">
        <v>2230053</v>
      </c>
      <c r="B637" s="8" t="s">
        <v>601</v>
      </c>
    </row>
    <row r="638" spans="1:2">
      <c r="A638" s="8">
        <v>2220035</v>
      </c>
      <c r="B638" s="8" t="s">
        <v>602</v>
      </c>
    </row>
    <row r="639" spans="1:2">
      <c r="A639" s="8">
        <v>2220023</v>
      </c>
      <c r="B639" s="8" t="s">
        <v>603</v>
      </c>
    </row>
    <row r="640" spans="1:2">
      <c r="A640" s="8">
        <v>2220013</v>
      </c>
      <c r="B640" s="8" t="s">
        <v>604</v>
      </c>
    </row>
    <row r="641" spans="1:2">
      <c r="A641" s="8">
        <v>2230057</v>
      </c>
      <c r="B641" s="8" t="s">
        <v>605</v>
      </c>
    </row>
    <row r="642" spans="1:2">
      <c r="A642" s="8">
        <v>2230061</v>
      </c>
      <c r="B642" s="8" t="s">
        <v>606</v>
      </c>
    </row>
    <row r="643" spans="1:2">
      <c r="A643" s="8">
        <v>2230062</v>
      </c>
      <c r="B643" s="8" t="s">
        <v>607</v>
      </c>
    </row>
    <row r="644" spans="1:2">
      <c r="A644" s="8">
        <v>2220012</v>
      </c>
      <c r="B644" s="8" t="s">
        <v>608</v>
      </c>
    </row>
    <row r="645" spans="1:2">
      <c r="A645" s="8">
        <v>2220032</v>
      </c>
      <c r="B645" s="8" t="s">
        <v>609</v>
      </c>
    </row>
    <row r="646" spans="1:2">
      <c r="A646" s="8">
        <v>2230051</v>
      </c>
      <c r="B646" s="8" t="s">
        <v>610</v>
      </c>
    </row>
    <row r="647" spans="1:2">
      <c r="A647" s="8">
        <v>2220002</v>
      </c>
      <c r="B647" s="8" t="s">
        <v>611</v>
      </c>
    </row>
    <row r="648" spans="1:2">
      <c r="A648" s="8">
        <v>2440000</v>
      </c>
      <c r="B648" s="8" t="s">
        <v>85</v>
      </c>
    </row>
    <row r="649" spans="1:2">
      <c r="A649" s="8">
        <v>2450052</v>
      </c>
      <c r="B649" s="8" t="s">
        <v>612</v>
      </c>
    </row>
    <row r="650" spans="1:2">
      <c r="A650" s="8">
        <v>2450064</v>
      </c>
      <c r="B650" s="8" t="s">
        <v>613</v>
      </c>
    </row>
    <row r="651" spans="1:2">
      <c r="A651" s="8">
        <v>2440812</v>
      </c>
      <c r="B651" s="8" t="s">
        <v>614</v>
      </c>
    </row>
    <row r="652" spans="1:2">
      <c r="A652" s="8">
        <v>2440811</v>
      </c>
      <c r="B652" s="8" t="s">
        <v>615</v>
      </c>
    </row>
    <row r="653" spans="1:2">
      <c r="A653" s="8">
        <v>2440816</v>
      </c>
      <c r="B653" s="8" t="s">
        <v>616</v>
      </c>
    </row>
    <row r="654" spans="1:2">
      <c r="A654" s="8">
        <v>2440806</v>
      </c>
      <c r="B654" s="8" t="s">
        <v>617</v>
      </c>
    </row>
    <row r="655" spans="1:2">
      <c r="A655" s="8">
        <v>2450053</v>
      </c>
      <c r="B655" s="8" t="s">
        <v>618</v>
      </c>
    </row>
    <row r="656" spans="1:2">
      <c r="A656" s="8">
        <v>2440805</v>
      </c>
      <c r="B656" s="8" t="s">
        <v>619</v>
      </c>
    </row>
    <row r="657" spans="1:2">
      <c r="A657" s="8">
        <v>2450061</v>
      </c>
      <c r="B657" s="8" t="s">
        <v>620</v>
      </c>
    </row>
    <row r="658" spans="1:2">
      <c r="A658" s="8">
        <v>2450062</v>
      </c>
      <c r="B658" s="8" t="s">
        <v>621</v>
      </c>
    </row>
    <row r="659" spans="1:2">
      <c r="A659" s="8">
        <v>2440004</v>
      </c>
      <c r="B659" s="8" t="s">
        <v>622</v>
      </c>
    </row>
    <row r="660" spans="1:2">
      <c r="A660" s="8">
        <v>2440801</v>
      </c>
      <c r="B660" s="8" t="s">
        <v>623</v>
      </c>
    </row>
    <row r="661" spans="1:2">
      <c r="A661" s="8">
        <v>2440815</v>
      </c>
      <c r="B661" s="8" t="s">
        <v>624</v>
      </c>
    </row>
    <row r="662" spans="1:2">
      <c r="A662" s="8">
        <v>2440003</v>
      </c>
      <c r="B662" s="8" t="s">
        <v>625</v>
      </c>
    </row>
    <row r="663" spans="1:2">
      <c r="A663" s="8">
        <v>2440001</v>
      </c>
      <c r="B663" s="8" t="s">
        <v>626</v>
      </c>
    </row>
    <row r="664" spans="1:2">
      <c r="A664" s="8">
        <v>2450051</v>
      </c>
      <c r="B664" s="8" t="s">
        <v>627</v>
      </c>
    </row>
    <row r="665" spans="1:2">
      <c r="A665" s="8">
        <v>2450063</v>
      </c>
      <c r="B665" s="8" t="s">
        <v>628</v>
      </c>
    </row>
    <row r="666" spans="1:2">
      <c r="A666" s="8">
        <v>2450065</v>
      </c>
      <c r="B666" s="8" t="s">
        <v>629</v>
      </c>
    </row>
    <row r="667" spans="1:2">
      <c r="A667" s="8">
        <v>2440802</v>
      </c>
      <c r="B667" s="8" t="s">
        <v>630</v>
      </c>
    </row>
    <row r="668" spans="1:2">
      <c r="A668" s="8">
        <v>2440803</v>
      </c>
      <c r="B668" s="8" t="s">
        <v>631</v>
      </c>
    </row>
    <row r="669" spans="1:2">
      <c r="A669" s="8">
        <v>2450067</v>
      </c>
      <c r="B669" s="8" t="s">
        <v>632</v>
      </c>
    </row>
    <row r="670" spans="1:2">
      <c r="A670" s="8">
        <v>2440813</v>
      </c>
      <c r="B670" s="8" t="s">
        <v>633</v>
      </c>
    </row>
    <row r="671" spans="1:2">
      <c r="A671" s="8">
        <v>2440804</v>
      </c>
      <c r="B671" s="8" t="s">
        <v>634</v>
      </c>
    </row>
    <row r="672" spans="1:2">
      <c r="A672" s="8">
        <v>2450066</v>
      </c>
      <c r="B672" s="8" t="s">
        <v>635</v>
      </c>
    </row>
    <row r="673" spans="1:2">
      <c r="A673" s="8">
        <v>2440814</v>
      </c>
      <c r="B673" s="8" t="s">
        <v>636</v>
      </c>
    </row>
    <row r="674" spans="1:2">
      <c r="A674" s="8">
        <v>2440002</v>
      </c>
      <c r="B674" s="8" t="s">
        <v>637</v>
      </c>
    </row>
    <row r="675" spans="1:2">
      <c r="A675" s="8">
        <v>2440817</v>
      </c>
      <c r="B675" s="8" t="s">
        <v>638</v>
      </c>
    </row>
    <row r="676" spans="1:2">
      <c r="A676" s="8">
        <v>2330000</v>
      </c>
      <c r="B676" s="8" t="s">
        <v>86</v>
      </c>
    </row>
    <row r="677" spans="1:2">
      <c r="A677" s="8">
        <v>2330007</v>
      </c>
      <c r="B677" s="8" t="s">
        <v>639</v>
      </c>
    </row>
    <row r="678" spans="1:2">
      <c r="A678" s="8">
        <v>2330001</v>
      </c>
      <c r="B678" s="8" t="s">
        <v>640</v>
      </c>
    </row>
    <row r="679" spans="1:2">
      <c r="A679" s="8">
        <v>2330002</v>
      </c>
      <c r="B679" s="8" t="s">
        <v>641</v>
      </c>
    </row>
    <row r="680" spans="1:2">
      <c r="A680" s="8">
        <v>2330012</v>
      </c>
      <c r="B680" s="8" t="s">
        <v>642</v>
      </c>
    </row>
    <row r="681" spans="1:2">
      <c r="A681" s="8">
        <v>2330014</v>
      </c>
      <c r="B681" s="8" t="s">
        <v>643</v>
      </c>
    </row>
    <row r="682" spans="1:2">
      <c r="A682" s="8">
        <v>2330003</v>
      </c>
      <c r="B682" s="8" t="s">
        <v>644</v>
      </c>
    </row>
    <row r="683" spans="1:2">
      <c r="A683" s="8">
        <v>2340054</v>
      </c>
      <c r="B683" s="8" t="s">
        <v>645</v>
      </c>
    </row>
    <row r="684" spans="1:2">
      <c r="A684" s="8">
        <v>2330004</v>
      </c>
      <c r="B684" s="8" t="s">
        <v>646</v>
      </c>
    </row>
    <row r="685" spans="1:2">
      <c r="A685" s="8">
        <v>2330008</v>
      </c>
      <c r="B685" s="8" t="s">
        <v>647</v>
      </c>
    </row>
    <row r="686" spans="1:2">
      <c r="A686" s="8">
        <v>2340052</v>
      </c>
      <c r="B686" s="8" t="s">
        <v>648</v>
      </c>
    </row>
    <row r="687" spans="1:2">
      <c r="A687" s="8">
        <v>2330016</v>
      </c>
      <c r="B687" s="8" t="s">
        <v>649</v>
      </c>
    </row>
    <row r="688" spans="1:2">
      <c r="A688" s="8">
        <v>2330006</v>
      </c>
      <c r="B688" s="8" t="s">
        <v>650</v>
      </c>
    </row>
    <row r="689" spans="1:2">
      <c r="A689" s="8">
        <v>2340056</v>
      </c>
      <c r="B689" s="8" t="s">
        <v>651</v>
      </c>
    </row>
    <row r="690" spans="1:2">
      <c r="A690" s="8">
        <v>2330005</v>
      </c>
      <c r="B690" s="8" t="s">
        <v>652</v>
      </c>
    </row>
    <row r="691" spans="1:2">
      <c r="A691" s="8">
        <v>2330011</v>
      </c>
      <c r="B691" s="8" t="s">
        <v>653</v>
      </c>
    </row>
    <row r="692" spans="1:2">
      <c r="A692" s="8">
        <v>2330015</v>
      </c>
      <c r="B692" s="8" t="s">
        <v>654</v>
      </c>
    </row>
    <row r="693" spans="1:2">
      <c r="A693" s="8">
        <v>2340051</v>
      </c>
      <c r="B693" s="8" t="s">
        <v>655</v>
      </c>
    </row>
    <row r="694" spans="1:2">
      <c r="A694" s="8">
        <v>2340053</v>
      </c>
      <c r="B694" s="8" t="s">
        <v>656</v>
      </c>
    </row>
    <row r="695" spans="1:2">
      <c r="A695" s="8">
        <v>2340055</v>
      </c>
      <c r="B695" s="8" t="s">
        <v>657</v>
      </c>
    </row>
    <row r="696" spans="1:2">
      <c r="A696" s="8">
        <v>2330013</v>
      </c>
      <c r="B696" s="8" t="s">
        <v>658</v>
      </c>
    </row>
    <row r="697" spans="1:2">
      <c r="A697" s="8">
        <v>2410000</v>
      </c>
      <c r="B697" s="8" t="s">
        <v>87</v>
      </c>
    </row>
    <row r="698" spans="1:2">
      <c r="A698" s="8">
        <v>2410014</v>
      </c>
      <c r="B698" s="8" t="s">
        <v>659</v>
      </c>
    </row>
    <row r="699" spans="1:2">
      <c r="A699" s="8">
        <v>2410033</v>
      </c>
      <c r="B699" s="8" t="s">
        <v>660</v>
      </c>
    </row>
    <row r="700" spans="1:2">
      <c r="A700" s="8">
        <v>2410817</v>
      </c>
      <c r="B700" s="8" t="s">
        <v>661</v>
      </c>
    </row>
    <row r="701" spans="1:2">
      <c r="A701" s="8">
        <v>2410032</v>
      </c>
      <c r="B701" s="8" t="s">
        <v>662</v>
      </c>
    </row>
    <row r="702" spans="1:2">
      <c r="A702" s="8">
        <v>2410031</v>
      </c>
      <c r="B702" s="8" t="s">
        <v>663</v>
      </c>
    </row>
    <row r="703" spans="1:2">
      <c r="A703" s="8">
        <v>2410034</v>
      </c>
      <c r="B703" s="8" t="s">
        <v>664</v>
      </c>
    </row>
    <row r="704" spans="1:2">
      <c r="A704" s="8">
        <v>2410813</v>
      </c>
      <c r="B704" s="8" t="s">
        <v>665</v>
      </c>
    </row>
    <row r="705" spans="1:2">
      <c r="A705" s="8">
        <v>2410834</v>
      </c>
      <c r="B705" s="8" t="s">
        <v>666</v>
      </c>
    </row>
    <row r="706" spans="1:2">
      <c r="A706" s="8">
        <v>2410015</v>
      </c>
      <c r="B706" s="8" t="s">
        <v>667</v>
      </c>
    </row>
    <row r="707" spans="1:2">
      <c r="A707" s="8">
        <v>2410835</v>
      </c>
      <c r="B707" s="8" t="s">
        <v>668</v>
      </c>
    </row>
    <row r="708" spans="1:2">
      <c r="A708" s="8">
        <v>2410812</v>
      </c>
      <c r="B708" s="8" t="s">
        <v>669</v>
      </c>
    </row>
    <row r="709" spans="1:2">
      <c r="A709" s="8">
        <v>2410802</v>
      </c>
      <c r="B709" s="8" t="s">
        <v>670</v>
      </c>
    </row>
    <row r="710" spans="1:2">
      <c r="A710" s="8">
        <v>2410002</v>
      </c>
      <c r="B710" s="8" t="s">
        <v>671</v>
      </c>
    </row>
    <row r="711" spans="1:2">
      <c r="A711" s="8">
        <v>2410001</v>
      </c>
      <c r="B711" s="8" t="s">
        <v>672</v>
      </c>
    </row>
    <row r="712" spans="1:2">
      <c r="A712" s="8">
        <v>2410804</v>
      </c>
      <c r="B712" s="8" t="s">
        <v>673</v>
      </c>
    </row>
    <row r="713" spans="1:2">
      <c r="A713" s="8">
        <v>2410803</v>
      </c>
      <c r="B713" s="8" t="s">
        <v>674</v>
      </c>
    </row>
    <row r="714" spans="1:2">
      <c r="A714" s="8">
        <v>2410011</v>
      </c>
      <c r="B714" s="8" t="s">
        <v>675</v>
      </c>
    </row>
    <row r="715" spans="1:2">
      <c r="A715" s="8">
        <v>2410832</v>
      </c>
      <c r="B715" s="8" t="s">
        <v>676</v>
      </c>
    </row>
    <row r="716" spans="1:2">
      <c r="A716" s="8">
        <v>2410831</v>
      </c>
      <c r="B716" s="8" t="s">
        <v>677</v>
      </c>
    </row>
    <row r="717" spans="1:2">
      <c r="A717" s="8">
        <v>2410816</v>
      </c>
      <c r="B717" s="8" t="s">
        <v>678</v>
      </c>
    </row>
    <row r="718" spans="1:2">
      <c r="A718" s="8">
        <v>2410822</v>
      </c>
      <c r="B718" s="8" t="s">
        <v>679</v>
      </c>
    </row>
    <row r="719" spans="1:2">
      <c r="A719" s="8">
        <v>2410013</v>
      </c>
      <c r="B719" s="8" t="s">
        <v>680</v>
      </c>
    </row>
    <row r="720" spans="1:2">
      <c r="A720" s="8">
        <v>2410025</v>
      </c>
      <c r="B720" s="8" t="s">
        <v>681</v>
      </c>
    </row>
    <row r="721" spans="1:2">
      <c r="A721" s="8">
        <v>2410806</v>
      </c>
      <c r="B721" s="8" t="s">
        <v>682</v>
      </c>
    </row>
    <row r="722" spans="1:2">
      <c r="A722" s="8">
        <v>2410005</v>
      </c>
      <c r="B722" s="8" t="s">
        <v>683</v>
      </c>
    </row>
    <row r="723" spans="1:2">
      <c r="A723" s="8">
        <v>2410003</v>
      </c>
      <c r="B723" s="8" t="s">
        <v>684</v>
      </c>
    </row>
    <row r="724" spans="1:2">
      <c r="A724" s="8">
        <v>2410823</v>
      </c>
      <c r="B724" s="8" t="s">
        <v>685</v>
      </c>
    </row>
    <row r="725" spans="1:2">
      <c r="A725" s="8">
        <v>2410805</v>
      </c>
      <c r="B725" s="8" t="s">
        <v>686</v>
      </c>
    </row>
    <row r="726" spans="1:2">
      <c r="A726" s="8">
        <v>2410022</v>
      </c>
      <c r="B726" s="8" t="s">
        <v>687</v>
      </c>
    </row>
    <row r="727" spans="1:2">
      <c r="A727" s="8">
        <v>2410021</v>
      </c>
      <c r="B727" s="8" t="s">
        <v>688</v>
      </c>
    </row>
    <row r="728" spans="1:2">
      <c r="A728" s="8">
        <v>2410815</v>
      </c>
      <c r="B728" s="8" t="s">
        <v>689</v>
      </c>
    </row>
    <row r="729" spans="1:2">
      <c r="A729" s="8">
        <v>2410825</v>
      </c>
      <c r="B729" s="8" t="s">
        <v>690</v>
      </c>
    </row>
    <row r="730" spans="1:2">
      <c r="A730" s="8">
        <v>2410814</v>
      </c>
      <c r="B730" s="8" t="s">
        <v>691</v>
      </c>
    </row>
    <row r="731" spans="1:2">
      <c r="A731" s="8">
        <v>2410004</v>
      </c>
      <c r="B731" s="8" t="s">
        <v>692</v>
      </c>
    </row>
    <row r="732" spans="1:2">
      <c r="A732" s="8">
        <v>2410012</v>
      </c>
      <c r="B732" s="8" t="s">
        <v>693</v>
      </c>
    </row>
    <row r="733" spans="1:2">
      <c r="A733" s="8">
        <v>2410826</v>
      </c>
      <c r="B733" s="8" t="s">
        <v>694</v>
      </c>
    </row>
    <row r="734" spans="1:2">
      <c r="A734" s="8">
        <v>2410821</v>
      </c>
      <c r="B734" s="8" t="s">
        <v>695</v>
      </c>
    </row>
    <row r="735" spans="1:2">
      <c r="A735" s="8">
        <v>2410023</v>
      </c>
      <c r="B735" s="8" t="s">
        <v>696</v>
      </c>
    </row>
    <row r="736" spans="1:2">
      <c r="A736" s="8">
        <v>2410024</v>
      </c>
      <c r="B736" s="8" t="s">
        <v>697</v>
      </c>
    </row>
    <row r="737" spans="1:2">
      <c r="A737" s="8">
        <v>2410836</v>
      </c>
      <c r="B737" s="8" t="s">
        <v>698</v>
      </c>
    </row>
    <row r="738" spans="1:2">
      <c r="A738" s="8">
        <v>2410824</v>
      </c>
      <c r="B738" s="8" t="s">
        <v>699</v>
      </c>
    </row>
    <row r="739" spans="1:2">
      <c r="A739" s="8">
        <v>2410833</v>
      </c>
      <c r="B739" s="8" t="s">
        <v>700</v>
      </c>
    </row>
    <row r="740" spans="1:2">
      <c r="A740" s="8">
        <v>2410811</v>
      </c>
      <c r="B740" s="8" t="s">
        <v>701</v>
      </c>
    </row>
    <row r="741" spans="1:2">
      <c r="A741" s="8">
        <v>2410801</v>
      </c>
      <c r="B741" s="8" t="s">
        <v>702</v>
      </c>
    </row>
    <row r="742" spans="1:2">
      <c r="A742" s="8">
        <v>2260000</v>
      </c>
      <c r="B742" s="8" t="s">
        <v>88</v>
      </c>
    </row>
    <row r="743" spans="1:2">
      <c r="A743" s="8">
        <v>2260022</v>
      </c>
      <c r="B743" s="8" t="s">
        <v>703</v>
      </c>
    </row>
    <row r="744" spans="1:2">
      <c r="A744" s="8">
        <v>2260028</v>
      </c>
      <c r="B744" s="8" t="s">
        <v>704</v>
      </c>
    </row>
    <row r="745" spans="1:2">
      <c r="A745" s="8">
        <v>2260012</v>
      </c>
      <c r="B745" s="8" t="s">
        <v>705</v>
      </c>
    </row>
    <row r="746" spans="1:2">
      <c r="A746" s="8">
        <v>2260003</v>
      </c>
      <c r="B746" s="8" t="s">
        <v>706</v>
      </c>
    </row>
    <row r="747" spans="1:2">
      <c r="A747" s="8">
        <v>2260004</v>
      </c>
      <c r="B747" s="8" t="s">
        <v>707</v>
      </c>
    </row>
    <row r="748" spans="1:2">
      <c r="A748" s="8">
        <v>2260021</v>
      </c>
      <c r="B748" s="8" t="s">
        <v>708</v>
      </c>
    </row>
    <row r="749" spans="1:2">
      <c r="A749" s="8">
        <v>2260016</v>
      </c>
      <c r="B749" s="8" t="s">
        <v>709</v>
      </c>
    </row>
    <row r="750" spans="1:2">
      <c r="A750" s="8">
        <v>2260023</v>
      </c>
      <c r="B750" s="8" t="s">
        <v>710</v>
      </c>
    </row>
    <row r="751" spans="1:2">
      <c r="A751" s="8">
        <v>2260014</v>
      </c>
      <c r="B751" s="8" t="s">
        <v>711</v>
      </c>
    </row>
    <row r="752" spans="1:2">
      <c r="A752" s="8">
        <v>2260005</v>
      </c>
      <c r="B752" s="8" t="s">
        <v>712</v>
      </c>
    </row>
    <row r="753" spans="1:2">
      <c r="A753" s="8">
        <v>2260013</v>
      </c>
      <c r="B753" s="8" t="s">
        <v>713</v>
      </c>
    </row>
    <row r="754" spans="1:2">
      <c r="A754" s="8">
        <v>2260025</v>
      </c>
      <c r="B754" s="8" t="s">
        <v>714</v>
      </c>
    </row>
    <row r="755" spans="1:2">
      <c r="A755" s="8">
        <v>2260019</v>
      </c>
      <c r="B755" s="8" t="s">
        <v>715</v>
      </c>
    </row>
    <row r="756" spans="1:2">
      <c r="A756" s="8">
        <v>2260027</v>
      </c>
      <c r="B756" s="8" t="s">
        <v>716</v>
      </c>
    </row>
    <row r="757" spans="1:2">
      <c r="A757" s="8">
        <v>2260026</v>
      </c>
      <c r="B757" s="8" t="s">
        <v>717</v>
      </c>
    </row>
    <row r="758" spans="1:2">
      <c r="A758" s="8">
        <v>2260018</v>
      </c>
      <c r="B758" s="8" t="s">
        <v>718</v>
      </c>
    </row>
    <row r="759" spans="1:2">
      <c r="A759" s="8">
        <v>2260017</v>
      </c>
      <c r="B759" s="8" t="s">
        <v>719</v>
      </c>
    </row>
    <row r="760" spans="1:2">
      <c r="A760" s="8">
        <v>2260024</v>
      </c>
      <c r="B760" s="8" t="s">
        <v>720</v>
      </c>
    </row>
    <row r="761" spans="1:2">
      <c r="A761" s="8">
        <v>2260006</v>
      </c>
      <c r="B761" s="8" t="s">
        <v>721</v>
      </c>
    </row>
    <row r="762" spans="1:2">
      <c r="A762" s="8">
        <v>2260002</v>
      </c>
      <c r="B762" s="8" t="s">
        <v>722</v>
      </c>
    </row>
    <row r="763" spans="1:2">
      <c r="A763" s="8">
        <v>2260001</v>
      </c>
      <c r="B763" s="8" t="s">
        <v>723</v>
      </c>
    </row>
    <row r="764" spans="1:2">
      <c r="A764" s="8">
        <v>2260015</v>
      </c>
      <c r="B764" s="8" t="s">
        <v>724</v>
      </c>
    </row>
    <row r="765" spans="1:2">
      <c r="A765" s="8">
        <v>2260029</v>
      </c>
      <c r="B765" s="8" t="s">
        <v>725</v>
      </c>
    </row>
    <row r="766" spans="1:2">
      <c r="A766" s="8">
        <v>2460000</v>
      </c>
      <c r="B766" s="8" t="s">
        <v>89</v>
      </c>
    </row>
    <row r="767" spans="1:2">
      <c r="A767" s="8">
        <v>2460013</v>
      </c>
      <c r="B767" s="8" t="s">
        <v>726</v>
      </c>
    </row>
    <row r="768" spans="1:2">
      <c r="A768" s="8">
        <v>2460023</v>
      </c>
      <c r="B768" s="8" t="s">
        <v>727</v>
      </c>
    </row>
    <row r="769" spans="1:2">
      <c r="A769" s="8">
        <v>2460025</v>
      </c>
      <c r="B769" s="8" t="s">
        <v>728</v>
      </c>
    </row>
    <row r="770" spans="1:2">
      <c r="A770" s="8">
        <v>2460026</v>
      </c>
      <c r="B770" s="8" t="s">
        <v>729</v>
      </c>
    </row>
    <row r="771" spans="1:2">
      <c r="A771" s="8">
        <v>2460012</v>
      </c>
      <c r="B771" s="8" t="s">
        <v>730</v>
      </c>
    </row>
    <row r="772" spans="1:2">
      <c r="A772" s="8">
        <v>2460011</v>
      </c>
      <c r="B772" s="8" t="s">
        <v>731</v>
      </c>
    </row>
    <row r="773" spans="1:2">
      <c r="A773" s="8">
        <v>2460001</v>
      </c>
      <c r="B773" s="8" t="s">
        <v>732</v>
      </c>
    </row>
    <row r="774" spans="1:2">
      <c r="A774" s="8">
        <v>2460006</v>
      </c>
      <c r="B774" s="8" t="s">
        <v>733</v>
      </c>
    </row>
    <row r="775" spans="1:2">
      <c r="A775" s="8">
        <v>2460036</v>
      </c>
      <c r="B775" s="8" t="s">
        <v>734</v>
      </c>
    </row>
    <row r="776" spans="1:2">
      <c r="A776" s="8">
        <v>2460002</v>
      </c>
      <c r="B776" s="8" t="s">
        <v>735</v>
      </c>
    </row>
    <row r="777" spans="1:2">
      <c r="A777" s="8">
        <v>2460008</v>
      </c>
      <c r="B777" s="8" t="s">
        <v>736</v>
      </c>
    </row>
    <row r="778" spans="1:2">
      <c r="A778" s="8">
        <v>2460035</v>
      </c>
      <c r="B778" s="8" t="s">
        <v>737</v>
      </c>
    </row>
    <row r="779" spans="1:2">
      <c r="A779" s="8">
        <v>2460031</v>
      </c>
      <c r="B779" s="8" t="s">
        <v>738</v>
      </c>
    </row>
    <row r="780" spans="1:2">
      <c r="A780" s="8">
        <v>2460003</v>
      </c>
      <c r="B780" s="8" t="s">
        <v>739</v>
      </c>
    </row>
    <row r="781" spans="1:2">
      <c r="A781" s="8">
        <v>2460005</v>
      </c>
      <c r="B781" s="8" t="s">
        <v>740</v>
      </c>
    </row>
    <row r="782" spans="1:2">
      <c r="A782" s="8">
        <v>2460014</v>
      </c>
      <c r="B782" s="8" t="s">
        <v>741</v>
      </c>
    </row>
    <row r="783" spans="1:2">
      <c r="A783" s="8">
        <v>2460004</v>
      </c>
      <c r="B783" s="8" t="s">
        <v>742</v>
      </c>
    </row>
    <row r="784" spans="1:2">
      <c r="A784" s="8">
        <v>2460037</v>
      </c>
      <c r="B784" s="8" t="s">
        <v>743</v>
      </c>
    </row>
    <row r="785" spans="1:2">
      <c r="A785" s="8">
        <v>2460021</v>
      </c>
      <c r="B785" s="8" t="s">
        <v>744</v>
      </c>
    </row>
    <row r="786" spans="1:2">
      <c r="A786" s="8">
        <v>2460015</v>
      </c>
      <c r="B786" s="8" t="s">
        <v>745</v>
      </c>
    </row>
    <row r="787" spans="1:2">
      <c r="A787" s="8">
        <v>2460022</v>
      </c>
      <c r="B787" s="8" t="s">
        <v>746</v>
      </c>
    </row>
    <row r="788" spans="1:2">
      <c r="A788" s="8">
        <v>2460034</v>
      </c>
      <c r="B788" s="8" t="s">
        <v>747</v>
      </c>
    </row>
    <row r="789" spans="1:2">
      <c r="A789" s="8">
        <v>2460032</v>
      </c>
      <c r="B789" s="8" t="s">
        <v>748</v>
      </c>
    </row>
    <row r="790" spans="1:2">
      <c r="A790" s="8">
        <v>2460038</v>
      </c>
      <c r="B790" s="8" t="s">
        <v>749</v>
      </c>
    </row>
    <row r="791" spans="1:2">
      <c r="A791" s="8">
        <v>2460007</v>
      </c>
      <c r="B791" s="8" t="s">
        <v>750</v>
      </c>
    </row>
    <row r="792" spans="1:2">
      <c r="A792" s="8">
        <v>2470000</v>
      </c>
      <c r="B792" s="8" t="s">
        <v>90</v>
      </c>
    </row>
    <row r="793" spans="1:2">
      <c r="A793" s="8">
        <v>2440842</v>
      </c>
      <c r="B793" s="8" t="s">
        <v>751</v>
      </c>
    </row>
    <row r="794" spans="1:2">
      <c r="A794" s="8">
        <v>2470026</v>
      </c>
      <c r="B794" s="8" t="s">
        <v>752</v>
      </c>
    </row>
    <row r="795" spans="1:2">
      <c r="A795" s="8">
        <v>2470027</v>
      </c>
      <c r="B795" s="8" t="s">
        <v>753</v>
      </c>
    </row>
    <row r="796" spans="1:2">
      <c r="A796" s="8">
        <v>2470006</v>
      </c>
      <c r="B796" s="8" t="s">
        <v>754</v>
      </c>
    </row>
    <row r="797" spans="1:2">
      <c r="A797" s="8">
        <v>2470009</v>
      </c>
      <c r="B797" s="8" t="s">
        <v>755</v>
      </c>
    </row>
    <row r="798" spans="1:2">
      <c r="A798" s="8">
        <v>2470003</v>
      </c>
      <c r="B798" s="8" t="s">
        <v>756</v>
      </c>
    </row>
    <row r="799" spans="1:2">
      <c r="A799" s="8">
        <v>2470031</v>
      </c>
      <c r="B799" s="8" t="s">
        <v>757</v>
      </c>
    </row>
    <row r="800" spans="1:2">
      <c r="A800" s="8">
        <v>2470034</v>
      </c>
      <c r="B800" s="8" t="s">
        <v>758</v>
      </c>
    </row>
    <row r="801" spans="1:2">
      <c r="A801" s="8">
        <v>2470035</v>
      </c>
      <c r="B801" s="8" t="s">
        <v>759</v>
      </c>
    </row>
    <row r="802" spans="1:2">
      <c r="A802" s="8">
        <v>2470032</v>
      </c>
      <c r="B802" s="8" t="s">
        <v>760</v>
      </c>
    </row>
    <row r="803" spans="1:2">
      <c r="A803" s="8">
        <v>2470033</v>
      </c>
      <c r="B803" s="8" t="s">
        <v>761</v>
      </c>
    </row>
    <row r="804" spans="1:2">
      <c r="A804" s="8">
        <v>2470005</v>
      </c>
      <c r="B804" s="8" t="s">
        <v>762</v>
      </c>
    </row>
    <row r="805" spans="1:2">
      <c r="A805" s="8">
        <v>2440845</v>
      </c>
      <c r="B805" s="8" t="s">
        <v>763</v>
      </c>
    </row>
    <row r="806" spans="1:2">
      <c r="A806" s="8">
        <v>2470013</v>
      </c>
      <c r="B806" s="8" t="s">
        <v>764</v>
      </c>
    </row>
    <row r="807" spans="1:2">
      <c r="A807" s="8">
        <v>2470025</v>
      </c>
      <c r="B807" s="8" t="s">
        <v>765</v>
      </c>
    </row>
    <row r="808" spans="1:2">
      <c r="A808" s="8">
        <v>2470028</v>
      </c>
      <c r="B808" s="8" t="s">
        <v>766</v>
      </c>
    </row>
    <row r="809" spans="1:2">
      <c r="A809" s="8">
        <v>2470014</v>
      </c>
      <c r="B809" s="8" t="s">
        <v>767</v>
      </c>
    </row>
    <row r="810" spans="1:2">
      <c r="A810" s="8">
        <v>2470007</v>
      </c>
      <c r="B810" s="8" t="s">
        <v>768</v>
      </c>
    </row>
    <row r="811" spans="1:2">
      <c r="A811" s="8">
        <v>2470001</v>
      </c>
      <c r="B811" s="8" t="s">
        <v>769</v>
      </c>
    </row>
    <row r="812" spans="1:2">
      <c r="A812" s="8">
        <v>2470002</v>
      </c>
      <c r="B812" s="8" t="s">
        <v>770</v>
      </c>
    </row>
    <row r="813" spans="1:2">
      <c r="A813" s="8">
        <v>2470022</v>
      </c>
      <c r="B813" s="8" t="s">
        <v>771</v>
      </c>
    </row>
    <row r="814" spans="1:2">
      <c r="A814" s="8">
        <v>2440844</v>
      </c>
      <c r="B814" s="8" t="s">
        <v>772</v>
      </c>
    </row>
    <row r="815" spans="1:2">
      <c r="A815" s="8">
        <v>2470015</v>
      </c>
      <c r="B815" s="8" t="s">
        <v>773</v>
      </c>
    </row>
    <row r="816" spans="1:2">
      <c r="A816" s="8">
        <v>2440843</v>
      </c>
      <c r="B816" s="8" t="s">
        <v>774</v>
      </c>
    </row>
    <row r="817" spans="1:2">
      <c r="A817" s="8">
        <v>2470023</v>
      </c>
      <c r="B817" s="8" t="s">
        <v>775</v>
      </c>
    </row>
    <row r="818" spans="1:2">
      <c r="A818" s="8">
        <v>2440841</v>
      </c>
      <c r="B818" s="8" t="s">
        <v>776</v>
      </c>
    </row>
    <row r="819" spans="1:2">
      <c r="A819" s="8">
        <v>2470024</v>
      </c>
      <c r="B819" s="8" t="s">
        <v>777</v>
      </c>
    </row>
    <row r="820" spans="1:2">
      <c r="A820" s="8">
        <v>2470004</v>
      </c>
      <c r="B820" s="8" t="s">
        <v>778</v>
      </c>
    </row>
    <row r="821" spans="1:2">
      <c r="A821" s="8">
        <v>2470021</v>
      </c>
      <c r="B821" s="8" t="s">
        <v>779</v>
      </c>
    </row>
    <row r="822" spans="1:2">
      <c r="A822" s="8">
        <v>2470008</v>
      </c>
      <c r="B822" s="8" t="s">
        <v>780</v>
      </c>
    </row>
    <row r="823" spans="1:2">
      <c r="A823" s="8">
        <v>2470011</v>
      </c>
      <c r="B823" s="8" t="s">
        <v>781</v>
      </c>
    </row>
    <row r="824" spans="1:2">
      <c r="A824" s="8">
        <v>2470012</v>
      </c>
      <c r="B824" s="8" t="s">
        <v>782</v>
      </c>
    </row>
    <row r="825" spans="1:2">
      <c r="A825" s="8">
        <v>2450000</v>
      </c>
      <c r="B825" s="8" t="s">
        <v>91</v>
      </c>
    </row>
    <row r="826" spans="1:2">
      <c r="A826" s="8">
        <v>2450001</v>
      </c>
      <c r="B826" s="8" t="s">
        <v>783</v>
      </c>
    </row>
    <row r="827" spans="1:2">
      <c r="A827" s="8">
        <v>2450022</v>
      </c>
      <c r="B827" s="8" t="s">
        <v>784</v>
      </c>
    </row>
    <row r="828" spans="1:2">
      <c r="A828" s="8">
        <v>2450024</v>
      </c>
      <c r="B828" s="8" t="s">
        <v>785</v>
      </c>
    </row>
    <row r="829" spans="1:2">
      <c r="A829" s="8">
        <v>2450023</v>
      </c>
      <c r="B829" s="8" t="s">
        <v>786</v>
      </c>
    </row>
    <row r="830" spans="1:2">
      <c r="A830" s="8">
        <v>2450016</v>
      </c>
      <c r="B830" s="8" t="s">
        <v>787</v>
      </c>
    </row>
    <row r="831" spans="1:2">
      <c r="A831" s="8">
        <v>2450003</v>
      </c>
      <c r="B831" s="8" t="s">
        <v>788</v>
      </c>
    </row>
    <row r="832" spans="1:2">
      <c r="A832" s="8">
        <v>2450007</v>
      </c>
      <c r="B832" s="8" t="s">
        <v>789</v>
      </c>
    </row>
    <row r="833" spans="1:2">
      <c r="A833" s="8">
        <v>2450018</v>
      </c>
      <c r="B833" s="8" t="s">
        <v>790</v>
      </c>
    </row>
    <row r="834" spans="1:2">
      <c r="A834" s="8">
        <v>2450017</v>
      </c>
      <c r="B834" s="8" t="s">
        <v>791</v>
      </c>
    </row>
    <row r="835" spans="1:2">
      <c r="A835" s="8">
        <v>2450021</v>
      </c>
      <c r="B835" s="8" t="s">
        <v>792</v>
      </c>
    </row>
    <row r="836" spans="1:2">
      <c r="A836" s="8">
        <v>2450005</v>
      </c>
      <c r="B836" s="8" t="s">
        <v>793</v>
      </c>
    </row>
    <row r="837" spans="1:2">
      <c r="A837" s="8">
        <v>2450009</v>
      </c>
      <c r="B837" s="8" t="s">
        <v>794</v>
      </c>
    </row>
    <row r="838" spans="1:2">
      <c r="A838" s="8">
        <v>2450011</v>
      </c>
      <c r="B838" s="8" t="s">
        <v>795</v>
      </c>
    </row>
    <row r="839" spans="1:2">
      <c r="A839" s="8">
        <v>2450013</v>
      </c>
      <c r="B839" s="8" t="s">
        <v>796</v>
      </c>
    </row>
    <row r="840" spans="1:2">
      <c r="A840" s="8">
        <v>2450015</v>
      </c>
      <c r="B840" s="8" t="s">
        <v>797</v>
      </c>
    </row>
    <row r="841" spans="1:2">
      <c r="A841" s="8">
        <v>2450014</v>
      </c>
      <c r="B841" s="8" t="s">
        <v>798</v>
      </c>
    </row>
    <row r="842" spans="1:2">
      <c r="A842" s="8">
        <v>2450012</v>
      </c>
      <c r="B842" s="8" t="s">
        <v>799</v>
      </c>
    </row>
    <row r="843" spans="1:2">
      <c r="A843" s="8">
        <v>2450006</v>
      </c>
      <c r="B843" s="8" t="s">
        <v>800</v>
      </c>
    </row>
    <row r="844" spans="1:2">
      <c r="A844" s="8">
        <v>2450008</v>
      </c>
      <c r="B844" s="8" t="s">
        <v>801</v>
      </c>
    </row>
    <row r="845" spans="1:2">
      <c r="A845" s="8">
        <v>2450004</v>
      </c>
      <c r="B845" s="8" t="s">
        <v>802</v>
      </c>
    </row>
    <row r="846" spans="1:2">
      <c r="A846" s="8">
        <v>2450002</v>
      </c>
      <c r="B846" s="8" t="s">
        <v>803</v>
      </c>
    </row>
    <row r="847" spans="1:2">
      <c r="A847" s="8">
        <v>2270000</v>
      </c>
      <c r="B847" s="8" t="s">
        <v>92</v>
      </c>
    </row>
    <row r="848" spans="1:2">
      <c r="A848" s="8">
        <v>2270062</v>
      </c>
      <c r="B848" s="8" t="s">
        <v>804</v>
      </c>
    </row>
    <row r="849" spans="1:2">
      <c r="A849" s="8">
        <v>2270066</v>
      </c>
      <c r="B849" s="8" t="s">
        <v>805</v>
      </c>
    </row>
    <row r="850" spans="1:2">
      <c r="A850" s="8">
        <v>2250011</v>
      </c>
      <c r="B850" s="8" t="s">
        <v>806</v>
      </c>
    </row>
    <row r="851" spans="1:2">
      <c r="A851" s="8">
        <v>2250012</v>
      </c>
      <c r="B851" s="8" t="s">
        <v>807</v>
      </c>
    </row>
    <row r="852" spans="1:2">
      <c r="A852" s="8">
        <v>2250024</v>
      </c>
      <c r="B852" s="8" t="s">
        <v>808</v>
      </c>
    </row>
    <row r="853" spans="1:2">
      <c r="A853" s="8">
        <v>2250002</v>
      </c>
      <c r="B853" s="8" t="s">
        <v>809</v>
      </c>
    </row>
    <row r="854" spans="1:2">
      <c r="A854" s="8">
        <v>2250001</v>
      </c>
      <c r="B854" s="8" t="s">
        <v>810</v>
      </c>
    </row>
    <row r="855" spans="1:2">
      <c r="A855" s="8">
        <v>2270052</v>
      </c>
      <c r="B855" s="8" t="s">
        <v>811</v>
      </c>
    </row>
    <row r="856" spans="1:2">
      <c r="A856" s="8">
        <v>2250005</v>
      </c>
      <c r="B856" s="8" t="s">
        <v>812</v>
      </c>
    </row>
    <row r="857" spans="1:2">
      <c r="A857" s="8">
        <v>2250013</v>
      </c>
      <c r="B857" s="8" t="s">
        <v>813</v>
      </c>
    </row>
    <row r="858" spans="1:2">
      <c r="A858" s="8">
        <v>2250014</v>
      </c>
      <c r="B858" s="8" t="s">
        <v>814</v>
      </c>
    </row>
    <row r="859" spans="1:2">
      <c r="A859" s="8">
        <v>2250015</v>
      </c>
      <c r="B859" s="8" t="s">
        <v>815</v>
      </c>
    </row>
    <row r="860" spans="1:2">
      <c r="A860" s="8">
        <v>2270063</v>
      </c>
      <c r="B860" s="8" t="s">
        <v>816</v>
      </c>
    </row>
    <row r="861" spans="1:2">
      <c r="A861" s="8">
        <v>2250023</v>
      </c>
      <c r="B861" s="8" t="s">
        <v>817</v>
      </c>
    </row>
    <row r="862" spans="1:2">
      <c r="A862" s="8">
        <v>2270065</v>
      </c>
      <c r="B862" s="8" t="s">
        <v>818</v>
      </c>
    </row>
    <row r="863" spans="1:2">
      <c r="A863" s="8">
        <v>2270048</v>
      </c>
      <c r="B863" s="8" t="s">
        <v>819</v>
      </c>
    </row>
    <row r="864" spans="1:2">
      <c r="A864" s="8">
        <v>2270034</v>
      </c>
      <c r="B864" s="8" t="s">
        <v>820</v>
      </c>
    </row>
    <row r="865" spans="1:2">
      <c r="A865" s="8">
        <v>2270041</v>
      </c>
      <c r="B865" s="8" t="s">
        <v>821</v>
      </c>
    </row>
    <row r="866" spans="1:2">
      <c r="A866" s="8">
        <v>2270033</v>
      </c>
      <c r="B866" s="8" t="s">
        <v>822</v>
      </c>
    </row>
    <row r="867" spans="1:2">
      <c r="A867" s="8">
        <v>2250025</v>
      </c>
      <c r="B867" s="8" t="s">
        <v>823</v>
      </c>
    </row>
    <row r="868" spans="1:2">
      <c r="A868" s="8">
        <v>2250022</v>
      </c>
      <c r="B868" s="8" t="s">
        <v>824</v>
      </c>
    </row>
    <row r="869" spans="1:2">
      <c r="A869" s="8">
        <v>2270061</v>
      </c>
      <c r="B869" s="8" t="s">
        <v>825</v>
      </c>
    </row>
    <row r="870" spans="1:2">
      <c r="A870" s="8">
        <v>2270053</v>
      </c>
      <c r="B870" s="8" t="s">
        <v>826</v>
      </c>
    </row>
    <row r="871" spans="1:2">
      <c r="A871" s="8">
        <v>2270031</v>
      </c>
      <c r="B871" s="8" t="s">
        <v>827</v>
      </c>
    </row>
    <row r="872" spans="1:2">
      <c r="A872" s="8">
        <v>2270042</v>
      </c>
      <c r="B872" s="8" t="s">
        <v>828</v>
      </c>
    </row>
    <row r="873" spans="1:2">
      <c r="A873" s="8">
        <v>2270054</v>
      </c>
      <c r="B873" s="8" t="s">
        <v>829</v>
      </c>
    </row>
    <row r="874" spans="1:2">
      <c r="A874" s="8">
        <v>2250003</v>
      </c>
      <c r="B874" s="8" t="s">
        <v>830</v>
      </c>
    </row>
    <row r="875" spans="1:2">
      <c r="A875" s="8">
        <v>2250021</v>
      </c>
      <c r="B875" s="8" t="s">
        <v>831</v>
      </c>
    </row>
    <row r="876" spans="1:2">
      <c r="A876" s="8">
        <v>2270035</v>
      </c>
      <c r="B876" s="8" t="s">
        <v>832</v>
      </c>
    </row>
    <row r="877" spans="1:2">
      <c r="A877" s="8">
        <v>2270046</v>
      </c>
      <c r="B877" s="8" t="s">
        <v>833</v>
      </c>
    </row>
    <row r="878" spans="1:2">
      <c r="A878" s="8">
        <v>2270064</v>
      </c>
      <c r="B878" s="8" t="s">
        <v>834</v>
      </c>
    </row>
    <row r="879" spans="1:2">
      <c r="A879" s="8">
        <v>2270051</v>
      </c>
      <c r="B879" s="8" t="s">
        <v>835</v>
      </c>
    </row>
    <row r="880" spans="1:2">
      <c r="A880" s="8">
        <v>2270055</v>
      </c>
      <c r="B880" s="8" t="s">
        <v>836</v>
      </c>
    </row>
    <row r="881" spans="1:2">
      <c r="A881" s="8">
        <v>2270038</v>
      </c>
      <c r="B881" s="8" t="s">
        <v>837</v>
      </c>
    </row>
    <row r="882" spans="1:2">
      <c r="A882" s="8">
        <v>2270036</v>
      </c>
      <c r="B882" s="8" t="s">
        <v>838</v>
      </c>
    </row>
    <row r="883" spans="1:2">
      <c r="A883" s="8">
        <v>2270032</v>
      </c>
      <c r="B883" s="8" t="s">
        <v>839</v>
      </c>
    </row>
    <row r="884" spans="1:2">
      <c r="A884" s="8">
        <v>2270043</v>
      </c>
      <c r="B884" s="8" t="s">
        <v>840</v>
      </c>
    </row>
    <row r="885" spans="1:2">
      <c r="A885" s="8">
        <v>2270067</v>
      </c>
      <c r="B885" s="8" t="s">
        <v>841</v>
      </c>
    </row>
    <row r="886" spans="1:2">
      <c r="A886" s="8">
        <v>2250016</v>
      </c>
      <c r="B886" s="8" t="s">
        <v>842</v>
      </c>
    </row>
    <row r="887" spans="1:2">
      <c r="A887" s="8">
        <v>2270047</v>
      </c>
      <c r="B887" s="8" t="s">
        <v>843</v>
      </c>
    </row>
    <row r="888" spans="1:2">
      <c r="A888" s="8">
        <v>2270037</v>
      </c>
      <c r="B888" s="8" t="s">
        <v>844</v>
      </c>
    </row>
    <row r="889" spans="1:2">
      <c r="A889" s="8">
        <v>2270044</v>
      </c>
      <c r="B889" s="8" t="s">
        <v>845</v>
      </c>
    </row>
    <row r="890" spans="1:2">
      <c r="A890" s="8">
        <v>2250004</v>
      </c>
      <c r="B890" s="8" t="s">
        <v>846</v>
      </c>
    </row>
    <row r="891" spans="1:2">
      <c r="A891" s="8">
        <v>2250026</v>
      </c>
      <c r="B891" s="8" t="s">
        <v>847</v>
      </c>
    </row>
    <row r="892" spans="1:2">
      <c r="A892" s="8">
        <v>2270045</v>
      </c>
      <c r="B892" s="8" t="s">
        <v>848</v>
      </c>
    </row>
    <row r="893" spans="1:2">
      <c r="A893" s="8">
        <v>2240000</v>
      </c>
      <c r="B893" s="8" t="s">
        <v>93</v>
      </c>
    </row>
    <row r="894" spans="1:2">
      <c r="A894" s="8">
        <v>2240016</v>
      </c>
      <c r="B894" s="8" t="s">
        <v>849</v>
      </c>
    </row>
    <row r="895" spans="1:2">
      <c r="A895" s="8">
        <v>2240053</v>
      </c>
      <c r="B895" s="8" t="s">
        <v>850</v>
      </c>
    </row>
    <row r="896" spans="1:2">
      <c r="A896" s="8">
        <v>2240012</v>
      </c>
      <c r="B896" s="8" t="s">
        <v>851</v>
      </c>
    </row>
    <row r="897" spans="1:2">
      <c r="A897" s="8">
        <v>2240011</v>
      </c>
      <c r="B897" s="8" t="s">
        <v>852</v>
      </c>
    </row>
    <row r="898" spans="1:2">
      <c r="A898" s="8">
        <v>2240014</v>
      </c>
      <c r="B898" s="8" t="s">
        <v>853</v>
      </c>
    </row>
    <row r="899" spans="1:2">
      <c r="A899" s="8">
        <v>2240015</v>
      </c>
      <c r="B899" s="8" t="s">
        <v>854</v>
      </c>
    </row>
    <row r="900" spans="1:2">
      <c r="A900" s="8">
        <v>2240004</v>
      </c>
      <c r="B900" s="8" t="s">
        <v>855</v>
      </c>
    </row>
    <row r="901" spans="1:2">
      <c r="A901" s="8">
        <v>2240008</v>
      </c>
      <c r="B901" s="8" t="s">
        <v>856</v>
      </c>
    </row>
    <row r="902" spans="1:2">
      <c r="A902" s="8">
        <v>2240006</v>
      </c>
      <c r="B902" s="8" t="s">
        <v>857</v>
      </c>
    </row>
    <row r="903" spans="1:2">
      <c r="A903" s="8">
        <v>2240007</v>
      </c>
      <c r="B903" s="8" t="s">
        <v>858</v>
      </c>
    </row>
    <row r="904" spans="1:2">
      <c r="A904" s="8">
        <v>2240042</v>
      </c>
      <c r="B904" s="8" t="s">
        <v>859</v>
      </c>
    </row>
    <row r="905" spans="1:2">
      <c r="A905" s="8">
        <v>2240028</v>
      </c>
      <c r="B905" s="8" t="s">
        <v>860</v>
      </c>
    </row>
    <row r="906" spans="1:2">
      <c r="A906" s="8">
        <v>2240027</v>
      </c>
      <c r="B906" s="8" t="s">
        <v>861</v>
      </c>
    </row>
    <row r="907" spans="1:2">
      <c r="A907" s="8">
        <v>2240061</v>
      </c>
      <c r="B907" s="8" t="s">
        <v>862</v>
      </c>
    </row>
    <row r="908" spans="1:2">
      <c r="A908" s="8">
        <v>2240043</v>
      </c>
      <c r="B908" s="8" t="s">
        <v>863</v>
      </c>
    </row>
    <row r="909" spans="1:2">
      <c r="A909" s="8">
        <v>2240055</v>
      </c>
      <c r="B909" s="8" t="s">
        <v>864</v>
      </c>
    </row>
    <row r="910" spans="1:2">
      <c r="A910" s="8">
        <v>2240034</v>
      </c>
      <c r="B910" s="8" t="s">
        <v>865</v>
      </c>
    </row>
    <row r="911" spans="1:2">
      <c r="A911" s="8">
        <v>2240036</v>
      </c>
      <c r="B911" s="8" t="s">
        <v>866</v>
      </c>
    </row>
    <row r="912" spans="1:2">
      <c r="A912" s="8">
        <v>2240044</v>
      </c>
      <c r="B912" s="8" t="s">
        <v>867</v>
      </c>
    </row>
    <row r="913" spans="1:2">
      <c r="A913" s="8">
        <v>2240056</v>
      </c>
      <c r="B913" s="8" t="s">
        <v>868</v>
      </c>
    </row>
    <row r="914" spans="1:2">
      <c r="A914" s="8">
        <v>2240057</v>
      </c>
      <c r="B914" s="8" t="s">
        <v>869</v>
      </c>
    </row>
    <row r="915" spans="1:2">
      <c r="A915" s="8">
        <v>2240021</v>
      </c>
      <c r="B915" s="8" t="s">
        <v>870</v>
      </c>
    </row>
    <row r="916" spans="1:2">
      <c r="A916" s="8">
        <v>2240062</v>
      </c>
      <c r="B916" s="8" t="s">
        <v>871</v>
      </c>
    </row>
    <row r="917" spans="1:2">
      <c r="A917" s="8">
        <v>2240054</v>
      </c>
      <c r="B917" s="8" t="s">
        <v>872</v>
      </c>
    </row>
    <row r="918" spans="1:2">
      <c r="A918" s="8">
        <v>2240046</v>
      </c>
      <c r="B918" s="8" t="s">
        <v>873</v>
      </c>
    </row>
    <row r="919" spans="1:2">
      <c r="A919" s="8">
        <v>2240035</v>
      </c>
      <c r="B919" s="8" t="s">
        <v>874</v>
      </c>
    </row>
    <row r="920" spans="1:2">
      <c r="A920" s="8">
        <v>2240013</v>
      </c>
      <c r="B920" s="8" t="s">
        <v>875</v>
      </c>
    </row>
    <row r="921" spans="1:2">
      <c r="A921" s="8">
        <v>2240065</v>
      </c>
      <c r="B921" s="8" t="s">
        <v>876</v>
      </c>
    </row>
    <row r="922" spans="1:2">
      <c r="A922" s="8">
        <v>2240032</v>
      </c>
      <c r="B922" s="8" t="s">
        <v>877</v>
      </c>
    </row>
    <row r="923" spans="1:2">
      <c r="A923" s="8">
        <v>2240031</v>
      </c>
      <c r="B923" s="8" t="s">
        <v>878</v>
      </c>
    </row>
    <row r="924" spans="1:2">
      <c r="A924" s="8">
        <v>2240033</v>
      </c>
      <c r="B924" s="8" t="s">
        <v>879</v>
      </c>
    </row>
    <row r="925" spans="1:2">
      <c r="A925" s="8">
        <v>2240037</v>
      </c>
      <c r="B925" s="8" t="s">
        <v>880</v>
      </c>
    </row>
    <row r="926" spans="1:2">
      <c r="A926" s="8">
        <v>2240001</v>
      </c>
      <c r="B926" s="8" t="s">
        <v>881</v>
      </c>
    </row>
    <row r="927" spans="1:2">
      <c r="A927" s="8">
        <v>2240003</v>
      </c>
      <c r="B927" s="8" t="s">
        <v>882</v>
      </c>
    </row>
    <row r="928" spans="1:2">
      <c r="A928" s="8">
        <v>2240041</v>
      </c>
      <c r="B928" s="8" t="s">
        <v>883</v>
      </c>
    </row>
    <row r="929" spans="1:2">
      <c r="A929" s="8">
        <v>2240063</v>
      </c>
      <c r="B929" s="8" t="s">
        <v>884</v>
      </c>
    </row>
    <row r="930" spans="1:2">
      <c r="A930" s="8">
        <v>2240052</v>
      </c>
      <c r="B930" s="8" t="s">
        <v>885</v>
      </c>
    </row>
    <row r="931" spans="1:2">
      <c r="A931" s="8">
        <v>2240025</v>
      </c>
      <c r="B931" s="8" t="s">
        <v>886</v>
      </c>
    </row>
    <row r="932" spans="1:2">
      <c r="A932" s="8">
        <v>2240045</v>
      </c>
      <c r="B932" s="8" t="s">
        <v>887</v>
      </c>
    </row>
    <row r="933" spans="1:2">
      <c r="A933" s="8">
        <v>2240023</v>
      </c>
      <c r="B933" s="8" t="s">
        <v>888</v>
      </c>
    </row>
    <row r="934" spans="1:2">
      <c r="A934" s="8">
        <v>2240024</v>
      </c>
      <c r="B934" s="8" t="s">
        <v>889</v>
      </c>
    </row>
    <row r="935" spans="1:2">
      <c r="A935" s="8">
        <v>2240064</v>
      </c>
      <c r="B935" s="8" t="s">
        <v>890</v>
      </c>
    </row>
    <row r="936" spans="1:2">
      <c r="A936" s="8">
        <v>2240051</v>
      </c>
      <c r="B936" s="8" t="s">
        <v>891</v>
      </c>
    </row>
    <row r="937" spans="1:2">
      <c r="A937" s="8">
        <v>2240029</v>
      </c>
      <c r="B937" s="8" t="s">
        <v>892</v>
      </c>
    </row>
    <row r="938" spans="1:2">
      <c r="A938" s="8">
        <v>2240026</v>
      </c>
      <c r="B938" s="8" t="s">
        <v>893</v>
      </c>
    </row>
    <row r="939" spans="1:2">
      <c r="A939" s="8">
        <v>2240066</v>
      </c>
      <c r="B939" s="8" t="s">
        <v>894</v>
      </c>
    </row>
    <row r="940" spans="1:2">
      <c r="A940" s="8">
        <v>2100000</v>
      </c>
      <c r="B940" s="8" t="s">
        <v>94</v>
      </c>
    </row>
    <row r="941" spans="1:2">
      <c r="A941" s="8">
        <v>2100847</v>
      </c>
      <c r="B941" s="8" t="s">
        <v>895</v>
      </c>
    </row>
    <row r="942" spans="1:2">
      <c r="A942" s="8">
        <v>2100854</v>
      </c>
      <c r="B942" s="8" t="s">
        <v>896</v>
      </c>
    </row>
    <row r="943" spans="1:2">
      <c r="A943" s="8">
        <v>2100808</v>
      </c>
      <c r="B943" s="8" t="s">
        <v>897</v>
      </c>
    </row>
    <row r="944" spans="1:2">
      <c r="A944" s="8">
        <v>2100832</v>
      </c>
      <c r="B944" s="8" t="s">
        <v>898</v>
      </c>
    </row>
    <row r="945" spans="1:2">
      <c r="A945" s="8">
        <v>2100864</v>
      </c>
      <c r="B945" s="8" t="s">
        <v>899</v>
      </c>
    </row>
    <row r="946" spans="1:2">
      <c r="A946" s="8">
        <v>2100022</v>
      </c>
      <c r="B946" s="8" t="s">
        <v>900</v>
      </c>
    </row>
    <row r="947" spans="1:2">
      <c r="A947" s="8">
        <v>2100006</v>
      </c>
      <c r="B947" s="8" t="s">
        <v>901</v>
      </c>
    </row>
    <row r="948" spans="1:2">
      <c r="A948" s="8">
        <v>2100805</v>
      </c>
      <c r="B948" s="8" t="s">
        <v>902</v>
      </c>
    </row>
    <row r="949" spans="1:2">
      <c r="A949" s="8">
        <v>2100862</v>
      </c>
      <c r="B949" s="8" t="s">
        <v>903</v>
      </c>
    </row>
    <row r="950" spans="1:2">
      <c r="A950" s="8">
        <v>2100823</v>
      </c>
      <c r="B950" s="8" t="s">
        <v>904</v>
      </c>
    </row>
    <row r="951" spans="1:2">
      <c r="A951" s="8">
        <v>2100007</v>
      </c>
      <c r="B951" s="8" t="s">
        <v>905</v>
      </c>
    </row>
    <row r="952" spans="1:2">
      <c r="A952" s="8">
        <v>2100002</v>
      </c>
      <c r="B952" s="8" t="s">
        <v>906</v>
      </c>
    </row>
    <row r="953" spans="1:2">
      <c r="A953" s="8">
        <v>2100835</v>
      </c>
      <c r="B953" s="8" t="s">
        <v>907</v>
      </c>
    </row>
    <row r="954" spans="1:2">
      <c r="A954" s="8">
        <v>2100867</v>
      </c>
      <c r="B954" s="8" t="s">
        <v>908</v>
      </c>
    </row>
    <row r="955" spans="1:2">
      <c r="A955" s="8">
        <v>2100858</v>
      </c>
      <c r="B955" s="8" t="s">
        <v>909</v>
      </c>
    </row>
    <row r="956" spans="1:2">
      <c r="A956" s="8">
        <v>2100868</v>
      </c>
      <c r="B956" s="8" t="s">
        <v>910</v>
      </c>
    </row>
    <row r="957" spans="1:2">
      <c r="A957" s="8">
        <v>2100834</v>
      </c>
      <c r="B957" s="8" t="s">
        <v>911</v>
      </c>
    </row>
    <row r="958" spans="1:2">
      <c r="A958" s="8">
        <v>2100836</v>
      </c>
      <c r="B958" s="8" t="s">
        <v>912</v>
      </c>
    </row>
    <row r="959" spans="1:2">
      <c r="A959" s="8">
        <v>2100023</v>
      </c>
      <c r="B959" s="8" t="s">
        <v>913</v>
      </c>
    </row>
    <row r="960" spans="1:2">
      <c r="A960" s="8">
        <v>2100846</v>
      </c>
      <c r="B960" s="8" t="s">
        <v>914</v>
      </c>
    </row>
    <row r="961" spans="1:2">
      <c r="A961" s="8">
        <v>2100843</v>
      </c>
      <c r="B961" s="8" t="s">
        <v>915</v>
      </c>
    </row>
    <row r="962" spans="1:2">
      <c r="A962" s="8">
        <v>2100014</v>
      </c>
      <c r="B962" s="8" t="s">
        <v>916</v>
      </c>
    </row>
    <row r="963" spans="1:2">
      <c r="A963" s="8">
        <v>2100803</v>
      </c>
      <c r="B963" s="8" t="s">
        <v>917</v>
      </c>
    </row>
    <row r="964" spans="1:2">
      <c r="A964" s="8">
        <v>2100831</v>
      </c>
      <c r="B964" s="8" t="s">
        <v>918</v>
      </c>
    </row>
    <row r="965" spans="1:2">
      <c r="A965" s="8">
        <v>2100848</v>
      </c>
      <c r="B965" s="8" t="s">
        <v>919</v>
      </c>
    </row>
    <row r="966" spans="1:2">
      <c r="A966" s="8">
        <v>2100852</v>
      </c>
      <c r="B966" s="8" t="s">
        <v>920</v>
      </c>
    </row>
    <row r="967" spans="1:2">
      <c r="A967" s="8">
        <v>2100861</v>
      </c>
      <c r="B967" s="8" t="s">
        <v>921</v>
      </c>
    </row>
    <row r="968" spans="1:2">
      <c r="A968" s="8">
        <v>2100838</v>
      </c>
      <c r="B968" s="8" t="s">
        <v>922</v>
      </c>
    </row>
    <row r="969" spans="1:2">
      <c r="A969" s="8">
        <v>2100833</v>
      </c>
      <c r="B969" s="8" t="s">
        <v>923</v>
      </c>
    </row>
    <row r="970" spans="1:2">
      <c r="A970" s="8">
        <v>2100826</v>
      </c>
      <c r="B970" s="8" t="s">
        <v>924</v>
      </c>
    </row>
    <row r="971" spans="1:2">
      <c r="A971" s="8">
        <v>2100025</v>
      </c>
      <c r="B971" s="8" t="s">
        <v>925</v>
      </c>
    </row>
    <row r="972" spans="1:2">
      <c r="A972" s="8">
        <v>2100813</v>
      </c>
      <c r="B972" s="8" t="s">
        <v>926</v>
      </c>
    </row>
    <row r="973" spans="1:2">
      <c r="A973" s="8">
        <v>2100857</v>
      </c>
      <c r="B973" s="8" t="s">
        <v>927</v>
      </c>
    </row>
    <row r="974" spans="1:2">
      <c r="A974" s="8">
        <v>2100013</v>
      </c>
      <c r="B974" s="8" t="s">
        <v>928</v>
      </c>
    </row>
    <row r="975" spans="1:2">
      <c r="A975" s="8">
        <v>2100801</v>
      </c>
      <c r="B975" s="8" t="s">
        <v>929</v>
      </c>
    </row>
    <row r="976" spans="1:2">
      <c r="A976" s="8">
        <v>2100814</v>
      </c>
      <c r="B976" s="8" t="s">
        <v>930</v>
      </c>
    </row>
    <row r="977" spans="1:2">
      <c r="A977" s="8">
        <v>2100853</v>
      </c>
      <c r="B977" s="8" t="s">
        <v>931</v>
      </c>
    </row>
    <row r="978" spans="1:2">
      <c r="A978" s="8">
        <v>2100856</v>
      </c>
      <c r="B978" s="8" t="s">
        <v>932</v>
      </c>
    </row>
    <row r="979" spans="1:2">
      <c r="A979" s="8">
        <v>2100822</v>
      </c>
      <c r="B979" s="8" t="s">
        <v>933</v>
      </c>
    </row>
    <row r="980" spans="1:2">
      <c r="A980" s="8">
        <v>2100802</v>
      </c>
      <c r="B980" s="8" t="s">
        <v>934</v>
      </c>
    </row>
    <row r="981" spans="1:2">
      <c r="A981" s="8">
        <v>2100811</v>
      </c>
      <c r="B981" s="8" t="s">
        <v>935</v>
      </c>
    </row>
    <row r="982" spans="1:2">
      <c r="A982" s="8">
        <v>2100815</v>
      </c>
      <c r="B982" s="8" t="s">
        <v>936</v>
      </c>
    </row>
    <row r="983" spans="1:2">
      <c r="A983" s="8">
        <v>2100817</v>
      </c>
      <c r="B983" s="8" t="s">
        <v>937</v>
      </c>
    </row>
    <row r="984" spans="1:2">
      <c r="A984" s="8">
        <v>2100816</v>
      </c>
      <c r="B984" s="8" t="s">
        <v>938</v>
      </c>
    </row>
    <row r="985" spans="1:2">
      <c r="A985" s="8">
        <v>2100865</v>
      </c>
      <c r="B985" s="8" t="s">
        <v>939</v>
      </c>
    </row>
    <row r="986" spans="1:2">
      <c r="A986" s="8">
        <v>2100026</v>
      </c>
      <c r="B986" s="8" t="s">
        <v>940</v>
      </c>
    </row>
    <row r="987" spans="1:2">
      <c r="A987" s="8">
        <v>2100825</v>
      </c>
      <c r="B987" s="8" t="s">
        <v>941</v>
      </c>
    </row>
    <row r="988" spans="1:2">
      <c r="A988" s="8">
        <v>2100821</v>
      </c>
      <c r="B988" s="8" t="s">
        <v>942</v>
      </c>
    </row>
    <row r="989" spans="1:2">
      <c r="A989" s="8">
        <v>2100806</v>
      </c>
      <c r="B989" s="8" t="s">
        <v>943</v>
      </c>
    </row>
    <row r="990" spans="1:2">
      <c r="A990" s="8">
        <v>2100818</v>
      </c>
      <c r="B990" s="8" t="s">
        <v>944</v>
      </c>
    </row>
    <row r="991" spans="1:2">
      <c r="A991" s="8">
        <v>2100024</v>
      </c>
      <c r="B991" s="8" t="s">
        <v>945</v>
      </c>
    </row>
    <row r="992" spans="1:2">
      <c r="A992" s="8">
        <v>2100851</v>
      </c>
      <c r="B992" s="8" t="s">
        <v>946</v>
      </c>
    </row>
    <row r="993" spans="1:2">
      <c r="A993" s="8">
        <v>2100869</v>
      </c>
      <c r="B993" s="8" t="s">
        <v>947</v>
      </c>
    </row>
    <row r="994" spans="1:2">
      <c r="A994" s="8">
        <v>2100005</v>
      </c>
      <c r="B994" s="8" t="s">
        <v>948</v>
      </c>
    </row>
    <row r="995" spans="1:2">
      <c r="A995" s="8">
        <v>2100812</v>
      </c>
      <c r="B995" s="8" t="s">
        <v>949</v>
      </c>
    </row>
    <row r="996" spans="1:2">
      <c r="A996" s="8">
        <v>2100824</v>
      </c>
      <c r="B996" s="8" t="s">
        <v>950</v>
      </c>
    </row>
    <row r="997" spans="1:2">
      <c r="A997" s="8">
        <v>2100804</v>
      </c>
      <c r="B997" s="8" t="s">
        <v>951</v>
      </c>
    </row>
    <row r="998" spans="1:2">
      <c r="A998" s="8">
        <v>2100011</v>
      </c>
      <c r="B998" s="8" t="s">
        <v>952</v>
      </c>
    </row>
    <row r="999" spans="1:2">
      <c r="A999" s="8">
        <v>2100003</v>
      </c>
      <c r="B999" s="8" t="s">
        <v>953</v>
      </c>
    </row>
    <row r="1000" spans="1:2">
      <c r="A1000" s="8">
        <v>2100001</v>
      </c>
      <c r="B1000" s="8" t="s">
        <v>954</v>
      </c>
    </row>
    <row r="1001" spans="1:2">
      <c r="A1001" s="8">
        <v>2100866</v>
      </c>
      <c r="B1001" s="8" t="s">
        <v>955</v>
      </c>
    </row>
    <row r="1002" spans="1:2">
      <c r="A1002" s="8">
        <v>2100807</v>
      </c>
      <c r="B1002" s="8" t="s">
        <v>956</v>
      </c>
    </row>
    <row r="1003" spans="1:2">
      <c r="A1003" s="8">
        <v>2100015</v>
      </c>
      <c r="B1003" s="8" t="s">
        <v>957</v>
      </c>
    </row>
    <row r="1004" spans="1:2">
      <c r="A1004" s="8">
        <v>2100855</v>
      </c>
      <c r="B1004" s="8" t="s">
        <v>958</v>
      </c>
    </row>
    <row r="1005" spans="1:2">
      <c r="A1005" s="8">
        <v>2100012</v>
      </c>
      <c r="B1005" s="8" t="s">
        <v>959</v>
      </c>
    </row>
    <row r="1006" spans="1:2">
      <c r="A1006" s="8">
        <v>2100004</v>
      </c>
      <c r="B1006" s="8" t="s">
        <v>960</v>
      </c>
    </row>
    <row r="1007" spans="1:2">
      <c r="A1007" s="8">
        <v>2100021</v>
      </c>
      <c r="B1007" s="8" t="s">
        <v>961</v>
      </c>
    </row>
    <row r="1008" spans="1:2">
      <c r="A1008" s="8">
        <v>2100863</v>
      </c>
      <c r="B1008" s="8" t="s">
        <v>962</v>
      </c>
    </row>
    <row r="1009" spans="1:2">
      <c r="A1009" s="8">
        <v>2100828</v>
      </c>
      <c r="B1009" s="8" t="s">
        <v>963</v>
      </c>
    </row>
    <row r="1010" spans="1:2">
      <c r="A1010" s="8">
        <v>2100827</v>
      </c>
      <c r="B1010" s="8" t="s">
        <v>964</v>
      </c>
    </row>
    <row r="1011" spans="1:2">
      <c r="A1011" s="8">
        <v>2100837</v>
      </c>
      <c r="B1011" s="8" t="s">
        <v>965</v>
      </c>
    </row>
    <row r="1012" spans="1:2">
      <c r="A1012" s="8">
        <v>2100845</v>
      </c>
      <c r="B1012" s="8" t="s">
        <v>966</v>
      </c>
    </row>
    <row r="1013" spans="1:2">
      <c r="A1013" s="8">
        <v>2100844</v>
      </c>
      <c r="B1013" s="8" t="s">
        <v>967</v>
      </c>
    </row>
    <row r="1014" spans="1:2">
      <c r="A1014" s="8">
        <v>2100842</v>
      </c>
      <c r="B1014" s="8" t="s">
        <v>968</v>
      </c>
    </row>
    <row r="1015" spans="1:2">
      <c r="A1015" s="8">
        <v>2100841</v>
      </c>
      <c r="B1015" s="8" t="s">
        <v>969</v>
      </c>
    </row>
    <row r="1016" spans="1:2">
      <c r="A1016" s="8">
        <v>2120000</v>
      </c>
      <c r="B1016" s="8" t="s">
        <v>95</v>
      </c>
    </row>
    <row r="1017" spans="1:2">
      <c r="A1017" s="8">
        <v>2120006</v>
      </c>
      <c r="B1017" s="8" t="s">
        <v>970</v>
      </c>
    </row>
    <row r="1018" spans="1:2">
      <c r="A1018" s="8">
        <v>2120014</v>
      </c>
      <c r="B1018" s="8" t="s">
        <v>971</v>
      </c>
    </row>
    <row r="1019" spans="1:2">
      <c r="A1019" s="8">
        <v>2120054</v>
      </c>
      <c r="B1019" s="8" t="s">
        <v>972</v>
      </c>
    </row>
    <row r="1020" spans="1:2">
      <c r="A1020" s="8">
        <v>2120058</v>
      </c>
      <c r="B1020" s="8" t="s">
        <v>973</v>
      </c>
    </row>
    <row r="1021" spans="1:2">
      <c r="A1021" s="8">
        <v>2120007</v>
      </c>
      <c r="B1021" s="8" t="s">
        <v>974</v>
      </c>
    </row>
    <row r="1022" spans="1:2">
      <c r="A1022" s="8">
        <v>2120057</v>
      </c>
      <c r="B1022" s="8" t="s">
        <v>975</v>
      </c>
    </row>
    <row r="1023" spans="1:2">
      <c r="A1023" s="8">
        <v>2120001</v>
      </c>
      <c r="B1023" s="8" t="s">
        <v>976</v>
      </c>
    </row>
    <row r="1024" spans="1:2">
      <c r="A1024" s="8">
        <v>2120002</v>
      </c>
      <c r="B1024" s="8" t="s">
        <v>977</v>
      </c>
    </row>
    <row r="1025" spans="1:2">
      <c r="A1025" s="8">
        <v>2120004</v>
      </c>
      <c r="B1025" s="8" t="s">
        <v>978</v>
      </c>
    </row>
    <row r="1026" spans="1:2">
      <c r="A1026" s="8">
        <v>2120003</v>
      </c>
      <c r="B1026" s="8" t="s">
        <v>979</v>
      </c>
    </row>
    <row r="1027" spans="1:2">
      <c r="A1027" s="8">
        <v>2120026</v>
      </c>
      <c r="B1027" s="8" t="s">
        <v>980</v>
      </c>
    </row>
    <row r="1028" spans="1:2">
      <c r="A1028" s="8">
        <v>2120011</v>
      </c>
      <c r="B1028" s="8" t="s">
        <v>981</v>
      </c>
    </row>
    <row r="1029" spans="1:2">
      <c r="A1029" s="8">
        <v>2120053</v>
      </c>
      <c r="B1029" s="8" t="s">
        <v>982</v>
      </c>
    </row>
    <row r="1030" spans="1:2">
      <c r="A1030" s="8">
        <v>2120031</v>
      </c>
      <c r="B1030" s="8" t="s">
        <v>983</v>
      </c>
    </row>
    <row r="1031" spans="1:2">
      <c r="A1031" s="8">
        <v>2120032</v>
      </c>
      <c r="B1031" s="8" t="s">
        <v>984</v>
      </c>
    </row>
    <row r="1032" spans="1:2">
      <c r="A1032" s="8">
        <v>2120027</v>
      </c>
      <c r="B1032" s="8" t="s">
        <v>985</v>
      </c>
    </row>
    <row r="1033" spans="1:2">
      <c r="A1033" s="8">
        <v>2120022</v>
      </c>
      <c r="B1033" s="8" t="s">
        <v>986</v>
      </c>
    </row>
    <row r="1034" spans="1:2">
      <c r="A1034" s="8">
        <v>2120024</v>
      </c>
      <c r="B1034" s="8" t="s">
        <v>987</v>
      </c>
    </row>
    <row r="1035" spans="1:2">
      <c r="A1035" s="8">
        <v>2120005</v>
      </c>
      <c r="B1035" s="8" t="s">
        <v>988</v>
      </c>
    </row>
    <row r="1036" spans="1:2">
      <c r="A1036" s="8">
        <v>2120023</v>
      </c>
      <c r="B1036" s="8" t="s">
        <v>989</v>
      </c>
    </row>
    <row r="1037" spans="1:2">
      <c r="A1037" s="8">
        <v>2120012</v>
      </c>
      <c r="B1037" s="8" t="s">
        <v>990</v>
      </c>
    </row>
    <row r="1038" spans="1:2">
      <c r="A1038" s="8">
        <v>2120033</v>
      </c>
      <c r="B1038" s="8" t="s">
        <v>991</v>
      </c>
    </row>
    <row r="1039" spans="1:2">
      <c r="A1039" s="8">
        <v>2120051</v>
      </c>
      <c r="B1039" s="8" t="s">
        <v>992</v>
      </c>
    </row>
    <row r="1040" spans="1:2">
      <c r="A1040" s="8">
        <v>2120052</v>
      </c>
      <c r="B1040" s="8" t="s">
        <v>993</v>
      </c>
    </row>
    <row r="1041" spans="1:2">
      <c r="A1041" s="8">
        <v>2120025</v>
      </c>
      <c r="B1041" s="8" t="s">
        <v>994</v>
      </c>
    </row>
    <row r="1042" spans="1:2">
      <c r="A1042" s="8">
        <v>2120013</v>
      </c>
      <c r="B1042" s="8" t="s">
        <v>995</v>
      </c>
    </row>
    <row r="1043" spans="1:2">
      <c r="A1043" s="8">
        <v>2120055</v>
      </c>
      <c r="B1043" s="8" t="s">
        <v>996</v>
      </c>
    </row>
    <row r="1044" spans="1:2">
      <c r="A1044" s="8">
        <v>2120016</v>
      </c>
      <c r="B1044" s="8" t="s">
        <v>997</v>
      </c>
    </row>
    <row r="1045" spans="1:2">
      <c r="A1045" s="8">
        <v>2120021</v>
      </c>
      <c r="B1045" s="8" t="s">
        <v>998</v>
      </c>
    </row>
    <row r="1046" spans="1:2">
      <c r="A1046" s="8">
        <v>2120056</v>
      </c>
      <c r="B1046" s="8" t="s">
        <v>999</v>
      </c>
    </row>
    <row r="1047" spans="1:2">
      <c r="A1047" s="8">
        <v>2120015</v>
      </c>
      <c r="B1047" s="8" t="s">
        <v>1000</v>
      </c>
    </row>
    <row r="1048" spans="1:2">
      <c r="A1048" s="8">
        <v>2110000</v>
      </c>
      <c r="B1048" s="8" t="s">
        <v>96</v>
      </c>
    </row>
    <row r="1049" spans="1:2">
      <c r="A1049" s="8">
        <v>2110035</v>
      </c>
      <c r="B1049" s="8" t="s">
        <v>1001</v>
      </c>
    </row>
    <row r="1050" spans="1:2">
      <c r="A1050" s="8">
        <v>2110037</v>
      </c>
      <c r="B1050" s="8" t="s">
        <v>1002</v>
      </c>
    </row>
    <row r="1051" spans="1:2">
      <c r="A1051" s="8">
        <v>2110036</v>
      </c>
      <c r="B1051" s="8" t="s">
        <v>1003</v>
      </c>
    </row>
    <row r="1052" spans="1:2">
      <c r="A1052" s="8">
        <v>2110034</v>
      </c>
      <c r="B1052" s="8" t="s">
        <v>1004</v>
      </c>
    </row>
    <row r="1053" spans="1:2">
      <c r="A1053" s="8">
        <v>2110016</v>
      </c>
      <c r="B1053" s="8" t="s">
        <v>1005</v>
      </c>
    </row>
    <row r="1054" spans="1:2">
      <c r="A1054" s="8">
        <v>2110067</v>
      </c>
      <c r="B1054" s="8" t="s">
        <v>1006</v>
      </c>
    </row>
    <row r="1055" spans="1:2">
      <c r="A1055" s="8">
        <v>2110065</v>
      </c>
      <c r="B1055" s="8" t="s">
        <v>1007</v>
      </c>
    </row>
    <row r="1056" spans="1:2">
      <c r="A1056" s="8">
        <v>2110066</v>
      </c>
      <c r="B1056" s="8" t="s">
        <v>1008</v>
      </c>
    </row>
    <row r="1057" spans="1:2">
      <c r="A1057" s="8">
        <v>2110064</v>
      </c>
      <c r="B1057" s="8" t="s">
        <v>1009</v>
      </c>
    </row>
    <row r="1058" spans="1:2">
      <c r="A1058" s="8">
        <v>2110023</v>
      </c>
      <c r="B1058" s="8" t="s">
        <v>1010</v>
      </c>
    </row>
    <row r="1059" spans="1:2">
      <c r="A1059" s="8">
        <v>2110053</v>
      </c>
      <c r="B1059" s="8" t="s">
        <v>1011</v>
      </c>
    </row>
    <row r="1060" spans="1:2">
      <c r="A1060" s="8">
        <v>2110045</v>
      </c>
      <c r="B1060" s="8" t="s">
        <v>1012</v>
      </c>
    </row>
    <row r="1061" spans="1:2">
      <c r="A1061" s="8">
        <v>2110013</v>
      </c>
      <c r="B1061" s="8" t="s">
        <v>1013</v>
      </c>
    </row>
    <row r="1062" spans="1:2">
      <c r="A1062" s="8">
        <v>2110003</v>
      </c>
      <c r="B1062" s="8" t="s">
        <v>1014</v>
      </c>
    </row>
    <row r="1063" spans="1:2">
      <c r="A1063" s="8">
        <v>2110002</v>
      </c>
      <c r="B1063" s="8" t="s">
        <v>1015</v>
      </c>
    </row>
    <row r="1064" spans="1:2">
      <c r="A1064" s="8">
        <v>2110007</v>
      </c>
      <c r="B1064" s="8" t="s">
        <v>1016</v>
      </c>
    </row>
    <row r="1065" spans="1:2">
      <c r="A1065" s="8">
        <v>2110001</v>
      </c>
      <c r="B1065" s="8" t="s">
        <v>1017</v>
      </c>
    </row>
    <row r="1066" spans="1:2">
      <c r="A1066" s="8">
        <v>2110022</v>
      </c>
      <c r="B1066" s="8" t="s">
        <v>1018</v>
      </c>
    </row>
    <row r="1067" spans="1:2">
      <c r="A1067" s="8">
        <v>2110015</v>
      </c>
      <c r="B1067" s="8" t="s">
        <v>1019</v>
      </c>
    </row>
    <row r="1068" spans="1:2">
      <c r="A1068" s="8">
        <v>2110025</v>
      </c>
      <c r="B1068" s="8" t="s">
        <v>1020</v>
      </c>
    </row>
    <row r="1069" spans="1:2">
      <c r="A1069" s="8">
        <v>2110032</v>
      </c>
      <c r="B1069" s="8" t="s">
        <v>1021</v>
      </c>
    </row>
    <row r="1070" spans="1:2">
      <c r="A1070" s="8">
        <v>2110033</v>
      </c>
      <c r="B1070" s="8" t="s">
        <v>1022</v>
      </c>
    </row>
    <row r="1071" spans="1:2">
      <c r="A1071" s="8">
        <v>2110021</v>
      </c>
      <c r="B1071" s="8" t="s">
        <v>1023</v>
      </c>
    </row>
    <row r="1072" spans="1:2">
      <c r="A1072" s="8">
        <v>2110031</v>
      </c>
      <c r="B1072" s="8" t="s">
        <v>1024</v>
      </c>
    </row>
    <row r="1073" spans="1:2">
      <c r="A1073" s="8">
        <v>2110061</v>
      </c>
      <c r="B1073" s="8" t="s">
        <v>1025</v>
      </c>
    </row>
    <row r="1074" spans="1:2">
      <c r="A1074" s="8">
        <v>2110068</v>
      </c>
      <c r="B1074" s="8" t="s">
        <v>1026</v>
      </c>
    </row>
    <row r="1075" spans="1:2">
      <c r="A1075" s="8">
        <v>2110062</v>
      </c>
      <c r="B1075" s="8" t="s">
        <v>1027</v>
      </c>
    </row>
    <row r="1076" spans="1:2">
      <c r="A1076" s="8">
        <v>2110063</v>
      </c>
      <c r="B1076" s="8" t="s">
        <v>1028</v>
      </c>
    </row>
    <row r="1077" spans="1:2">
      <c r="A1077" s="8">
        <v>2110041</v>
      </c>
      <c r="B1077" s="8" t="s">
        <v>1029</v>
      </c>
    </row>
    <row r="1078" spans="1:2">
      <c r="A1078" s="8">
        <v>2110042</v>
      </c>
      <c r="B1078" s="8" t="s">
        <v>1030</v>
      </c>
    </row>
    <row r="1079" spans="1:2">
      <c r="A1079" s="8">
        <v>2110011</v>
      </c>
      <c r="B1079" s="8" t="s">
        <v>1031</v>
      </c>
    </row>
    <row r="1080" spans="1:2">
      <c r="A1080" s="8">
        <v>2110044</v>
      </c>
      <c r="B1080" s="8" t="s">
        <v>1032</v>
      </c>
    </row>
    <row r="1081" spans="1:2">
      <c r="A1081" s="8">
        <v>2110043</v>
      </c>
      <c r="B1081" s="8" t="s">
        <v>1033</v>
      </c>
    </row>
    <row r="1082" spans="1:2">
      <c r="A1082" s="8">
        <v>2110005</v>
      </c>
      <c r="B1082" s="8" t="s">
        <v>1034</v>
      </c>
    </row>
    <row r="1083" spans="1:2">
      <c r="A1083" s="8">
        <v>2110004</v>
      </c>
      <c r="B1083" s="8" t="s">
        <v>1035</v>
      </c>
    </row>
    <row r="1084" spans="1:2">
      <c r="A1084" s="8">
        <v>2110014</v>
      </c>
      <c r="B1084" s="8" t="s">
        <v>1036</v>
      </c>
    </row>
    <row r="1085" spans="1:2">
      <c r="A1085" s="8">
        <v>2110052</v>
      </c>
      <c r="B1085" s="8" t="s">
        <v>1037</v>
      </c>
    </row>
    <row r="1086" spans="1:2">
      <c r="A1086" s="8">
        <v>2110012</v>
      </c>
      <c r="B1086" s="8" t="s">
        <v>1038</v>
      </c>
    </row>
    <row r="1087" spans="1:2">
      <c r="A1087" s="8">
        <v>2110024</v>
      </c>
      <c r="B1087" s="8" t="s">
        <v>1039</v>
      </c>
    </row>
    <row r="1088" spans="1:2">
      <c r="A1088" s="8">
        <v>2110006</v>
      </c>
      <c r="B1088" s="8" t="s">
        <v>1040</v>
      </c>
    </row>
    <row r="1089" spans="1:2">
      <c r="A1089" s="8">
        <v>2110051</v>
      </c>
      <c r="B1089" s="8" t="s">
        <v>1041</v>
      </c>
    </row>
    <row r="1090" spans="1:2">
      <c r="A1090" s="8">
        <v>2130000</v>
      </c>
      <c r="B1090" s="8" t="s">
        <v>97</v>
      </c>
    </row>
    <row r="1091" spans="1:2">
      <c r="A1091" s="8">
        <v>2130024</v>
      </c>
      <c r="B1091" s="8" t="s">
        <v>1042</v>
      </c>
    </row>
    <row r="1092" spans="1:2">
      <c r="A1092" s="8">
        <v>2130031</v>
      </c>
      <c r="B1092" s="8" t="s">
        <v>1043</v>
      </c>
    </row>
    <row r="1093" spans="1:2">
      <c r="A1093" s="8">
        <v>2130015</v>
      </c>
      <c r="B1093" s="8" t="s">
        <v>1044</v>
      </c>
    </row>
    <row r="1094" spans="1:2">
      <c r="A1094" s="8">
        <v>2130025</v>
      </c>
      <c r="B1094" s="8" t="s">
        <v>1045</v>
      </c>
    </row>
    <row r="1095" spans="1:2">
      <c r="A1095" s="8">
        <v>2130034</v>
      </c>
      <c r="B1095" s="8" t="s">
        <v>1046</v>
      </c>
    </row>
    <row r="1096" spans="1:2">
      <c r="A1096" s="8">
        <v>2130028</v>
      </c>
      <c r="B1096" s="8" t="s">
        <v>1047</v>
      </c>
    </row>
    <row r="1097" spans="1:2">
      <c r="A1097" s="8">
        <v>2130005</v>
      </c>
      <c r="B1097" s="8" t="s">
        <v>1048</v>
      </c>
    </row>
    <row r="1098" spans="1:2">
      <c r="A1098" s="8">
        <v>2130032</v>
      </c>
      <c r="B1098" s="8" t="s">
        <v>1049</v>
      </c>
    </row>
    <row r="1099" spans="1:2">
      <c r="A1099" s="8">
        <v>2130012</v>
      </c>
      <c r="B1099" s="8" t="s">
        <v>1050</v>
      </c>
    </row>
    <row r="1100" spans="1:2">
      <c r="A1100" s="8">
        <v>2130023</v>
      </c>
      <c r="B1100" s="8" t="s">
        <v>1051</v>
      </c>
    </row>
    <row r="1101" spans="1:2">
      <c r="A1101" s="8">
        <v>2130033</v>
      </c>
      <c r="B1101" s="8" t="s">
        <v>1052</v>
      </c>
    </row>
    <row r="1102" spans="1:2">
      <c r="A1102" s="8">
        <v>2130006</v>
      </c>
      <c r="B1102" s="8" t="s">
        <v>1053</v>
      </c>
    </row>
    <row r="1103" spans="1:2">
      <c r="A1103" s="8">
        <v>2130014</v>
      </c>
      <c r="B1103" s="8" t="s">
        <v>1054</v>
      </c>
    </row>
    <row r="1104" spans="1:2">
      <c r="A1104" s="8">
        <v>2130013</v>
      </c>
      <c r="B1104" s="8" t="s">
        <v>1055</v>
      </c>
    </row>
    <row r="1105" spans="1:2">
      <c r="A1105" s="8">
        <v>2130004</v>
      </c>
      <c r="B1105" s="8" t="s">
        <v>1056</v>
      </c>
    </row>
    <row r="1106" spans="1:2">
      <c r="A1106" s="8">
        <v>2130003</v>
      </c>
      <c r="B1106" s="8" t="s">
        <v>1057</v>
      </c>
    </row>
    <row r="1107" spans="1:2">
      <c r="A1107" s="8">
        <v>2130022</v>
      </c>
      <c r="B1107" s="8" t="s">
        <v>1058</v>
      </c>
    </row>
    <row r="1108" spans="1:2">
      <c r="A1108" s="8">
        <v>2130021</v>
      </c>
      <c r="B1108" s="8" t="s">
        <v>1059</v>
      </c>
    </row>
    <row r="1109" spans="1:2">
      <c r="A1109" s="8">
        <v>2130029</v>
      </c>
      <c r="B1109" s="8" t="s">
        <v>1060</v>
      </c>
    </row>
    <row r="1110" spans="1:2">
      <c r="A1110" s="8">
        <v>2130026</v>
      </c>
      <c r="B1110" s="8" t="s">
        <v>1061</v>
      </c>
    </row>
    <row r="1111" spans="1:2">
      <c r="A1111" s="8">
        <v>2130011</v>
      </c>
      <c r="B1111" s="8" t="s">
        <v>1062</v>
      </c>
    </row>
    <row r="1112" spans="1:2">
      <c r="A1112" s="8">
        <v>2130002</v>
      </c>
      <c r="B1112" s="8" t="s">
        <v>1063</v>
      </c>
    </row>
    <row r="1113" spans="1:2">
      <c r="A1113" s="8">
        <v>2130001</v>
      </c>
      <c r="B1113" s="8" t="s">
        <v>1064</v>
      </c>
    </row>
    <row r="1114" spans="1:2">
      <c r="A1114" s="8">
        <v>2130035</v>
      </c>
      <c r="B1114" s="8" t="s">
        <v>1065</v>
      </c>
    </row>
    <row r="1115" spans="1:2">
      <c r="A1115" s="8">
        <v>2140000</v>
      </c>
      <c r="B1115" s="8" t="s">
        <v>98</v>
      </c>
    </row>
    <row r="1116" spans="1:2">
      <c r="A1116" s="8">
        <v>2140038</v>
      </c>
      <c r="B1116" s="8" t="s">
        <v>1066</v>
      </c>
    </row>
    <row r="1117" spans="1:2">
      <c r="A1117" s="8">
        <v>2140039</v>
      </c>
      <c r="B1117" s="8" t="s">
        <v>1067</v>
      </c>
    </row>
    <row r="1118" spans="1:2">
      <c r="A1118" s="8">
        <v>2140021</v>
      </c>
      <c r="B1118" s="8" t="s">
        <v>1068</v>
      </c>
    </row>
    <row r="1119" spans="1:2">
      <c r="A1119" s="8">
        <v>2140001</v>
      </c>
      <c r="B1119" s="8" t="s">
        <v>1069</v>
      </c>
    </row>
    <row r="1120" spans="1:2">
      <c r="A1120" s="8">
        <v>2140003</v>
      </c>
      <c r="B1120" s="8" t="s">
        <v>1070</v>
      </c>
    </row>
    <row r="1121" spans="1:2">
      <c r="A1121" s="8">
        <v>2140008</v>
      </c>
      <c r="B1121" s="8" t="s">
        <v>1071</v>
      </c>
    </row>
    <row r="1122" spans="1:2">
      <c r="A1122" s="8">
        <v>2140007</v>
      </c>
      <c r="B1122" s="8" t="s">
        <v>1072</v>
      </c>
    </row>
    <row r="1123" spans="1:2">
      <c r="A1123" s="8">
        <v>2140006</v>
      </c>
      <c r="B1123" s="8" t="s">
        <v>1073</v>
      </c>
    </row>
    <row r="1124" spans="1:2">
      <c r="A1124" s="8">
        <v>2140002</v>
      </c>
      <c r="B1124" s="8" t="s">
        <v>1074</v>
      </c>
    </row>
    <row r="1125" spans="1:2">
      <c r="A1125" s="8">
        <v>2140004</v>
      </c>
      <c r="B1125" s="8" t="s">
        <v>1075</v>
      </c>
    </row>
    <row r="1126" spans="1:2">
      <c r="A1126" s="8">
        <v>2140022</v>
      </c>
      <c r="B1126" s="8" t="s">
        <v>1076</v>
      </c>
    </row>
    <row r="1127" spans="1:2">
      <c r="A1127" s="8">
        <v>2140005</v>
      </c>
      <c r="B1127" s="8" t="s">
        <v>1077</v>
      </c>
    </row>
    <row r="1128" spans="1:2">
      <c r="A1128" s="8">
        <v>2140012</v>
      </c>
      <c r="B1128" s="8" t="s">
        <v>1078</v>
      </c>
    </row>
    <row r="1129" spans="1:2">
      <c r="A1129" s="8">
        <v>2140023</v>
      </c>
      <c r="B1129" s="8" t="s">
        <v>1079</v>
      </c>
    </row>
    <row r="1130" spans="1:2">
      <c r="A1130" s="8">
        <v>2140035</v>
      </c>
      <c r="B1130" s="8" t="s">
        <v>1080</v>
      </c>
    </row>
    <row r="1131" spans="1:2">
      <c r="A1131" s="8">
        <v>2140037</v>
      </c>
      <c r="B1131" s="8" t="s">
        <v>1081</v>
      </c>
    </row>
    <row r="1132" spans="1:2">
      <c r="A1132" s="8">
        <v>2140014</v>
      </c>
      <c r="B1132" s="8" t="s">
        <v>1082</v>
      </c>
    </row>
    <row r="1133" spans="1:2">
      <c r="A1133" s="8">
        <v>2140013</v>
      </c>
      <c r="B1133" s="8" t="s">
        <v>1083</v>
      </c>
    </row>
    <row r="1134" spans="1:2">
      <c r="A1134" s="8">
        <v>2140031</v>
      </c>
      <c r="B1134" s="8" t="s">
        <v>1084</v>
      </c>
    </row>
    <row r="1135" spans="1:2">
      <c r="A1135" s="8">
        <v>2140033</v>
      </c>
      <c r="B1135" s="8" t="s">
        <v>1085</v>
      </c>
    </row>
    <row r="1136" spans="1:2">
      <c r="A1136" s="8">
        <v>2140011</v>
      </c>
      <c r="B1136" s="8" t="s">
        <v>1086</v>
      </c>
    </row>
    <row r="1137" spans="1:2">
      <c r="A1137" s="8">
        <v>2140032</v>
      </c>
      <c r="B1137" s="8" t="s">
        <v>1087</v>
      </c>
    </row>
    <row r="1138" spans="1:2">
      <c r="A1138" s="8">
        <v>2140034</v>
      </c>
      <c r="B1138" s="8" t="s">
        <v>1088</v>
      </c>
    </row>
    <row r="1139" spans="1:2">
      <c r="A1139" s="8">
        <v>2140036</v>
      </c>
      <c r="B1139" s="8" t="s">
        <v>1089</v>
      </c>
    </row>
    <row r="1140" spans="1:2">
      <c r="A1140" s="8">
        <v>2160000</v>
      </c>
      <c r="B1140" s="8" t="s">
        <v>99</v>
      </c>
    </row>
    <row r="1141" spans="1:2">
      <c r="A1141" s="8">
        <v>2160003</v>
      </c>
      <c r="B1141" s="8" t="s">
        <v>1090</v>
      </c>
    </row>
    <row r="1142" spans="1:2">
      <c r="A1142" s="8">
        <v>2160011</v>
      </c>
      <c r="B1142" s="8" t="s">
        <v>1091</v>
      </c>
    </row>
    <row r="1143" spans="1:2">
      <c r="A1143" s="8">
        <v>2160034</v>
      </c>
      <c r="B1143" s="8" t="s">
        <v>1092</v>
      </c>
    </row>
    <row r="1144" spans="1:2">
      <c r="A1144" s="8">
        <v>2160023</v>
      </c>
      <c r="B1144" s="8" t="s">
        <v>1093</v>
      </c>
    </row>
    <row r="1145" spans="1:2">
      <c r="A1145" s="8">
        <v>2160021</v>
      </c>
      <c r="B1145" s="8" t="s">
        <v>1094</v>
      </c>
    </row>
    <row r="1146" spans="1:2">
      <c r="A1146" s="8">
        <v>2160007</v>
      </c>
      <c r="B1146" s="8" t="s">
        <v>1095</v>
      </c>
    </row>
    <row r="1147" spans="1:2">
      <c r="A1147" s="8">
        <v>2160004</v>
      </c>
      <c r="B1147" s="8" t="s">
        <v>1096</v>
      </c>
    </row>
    <row r="1148" spans="1:2">
      <c r="A1148" s="8">
        <v>2160013</v>
      </c>
      <c r="B1148" s="8" t="s">
        <v>1097</v>
      </c>
    </row>
    <row r="1149" spans="1:2">
      <c r="A1149" s="8">
        <v>2160032</v>
      </c>
      <c r="B1149" s="8" t="s">
        <v>1098</v>
      </c>
    </row>
    <row r="1150" spans="1:2">
      <c r="A1150" s="8">
        <v>2160031</v>
      </c>
      <c r="B1150" s="8" t="s">
        <v>1099</v>
      </c>
    </row>
    <row r="1151" spans="1:2">
      <c r="A1151" s="8">
        <v>2160025</v>
      </c>
      <c r="B1151" s="8" t="s">
        <v>1100</v>
      </c>
    </row>
    <row r="1152" spans="1:2">
      <c r="A1152" s="8">
        <v>2160015</v>
      </c>
      <c r="B1152" s="8" t="s">
        <v>1101</v>
      </c>
    </row>
    <row r="1153" spans="1:2">
      <c r="A1153" s="8">
        <v>2160014</v>
      </c>
      <c r="B1153" s="8" t="s">
        <v>1102</v>
      </c>
    </row>
    <row r="1154" spans="1:2">
      <c r="A1154" s="8">
        <v>2160022</v>
      </c>
      <c r="B1154" s="8" t="s">
        <v>1103</v>
      </c>
    </row>
    <row r="1155" spans="1:2">
      <c r="A1155" s="8">
        <v>2160005</v>
      </c>
      <c r="B1155" s="8" t="s">
        <v>1104</v>
      </c>
    </row>
    <row r="1156" spans="1:2">
      <c r="A1156" s="8">
        <v>2160024</v>
      </c>
      <c r="B1156" s="8" t="s">
        <v>1105</v>
      </c>
    </row>
    <row r="1157" spans="1:2">
      <c r="A1157" s="8">
        <v>2160044</v>
      </c>
      <c r="B1157" s="8" t="s">
        <v>1106</v>
      </c>
    </row>
    <row r="1158" spans="1:2">
      <c r="A1158" s="8">
        <v>2160043</v>
      </c>
      <c r="B1158" s="8" t="s">
        <v>1107</v>
      </c>
    </row>
    <row r="1159" spans="1:2">
      <c r="A1159" s="8">
        <v>2160041</v>
      </c>
      <c r="B1159" s="8" t="s">
        <v>1108</v>
      </c>
    </row>
    <row r="1160" spans="1:2">
      <c r="A1160" s="8">
        <v>2160026</v>
      </c>
      <c r="B1160" s="8" t="s">
        <v>1109</v>
      </c>
    </row>
    <row r="1161" spans="1:2">
      <c r="A1161" s="8">
        <v>2160002</v>
      </c>
      <c r="B1161" s="8" t="s">
        <v>1110</v>
      </c>
    </row>
    <row r="1162" spans="1:2">
      <c r="A1162" s="8">
        <v>2160035</v>
      </c>
      <c r="B1162" s="8" t="s">
        <v>1111</v>
      </c>
    </row>
    <row r="1163" spans="1:2">
      <c r="A1163" s="8">
        <v>2160012</v>
      </c>
      <c r="B1163" s="8" t="s">
        <v>1112</v>
      </c>
    </row>
    <row r="1164" spans="1:2">
      <c r="A1164" s="8">
        <v>2160042</v>
      </c>
      <c r="B1164" s="8" t="s">
        <v>1113</v>
      </c>
    </row>
    <row r="1165" spans="1:2">
      <c r="A1165" s="8">
        <v>2160033</v>
      </c>
      <c r="B1165" s="8" t="s">
        <v>1114</v>
      </c>
    </row>
    <row r="1166" spans="1:2">
      <c r="A1166" s="8">
        <v>2160006</v>
      </c>
      <c r="B1166" s="8" t="s">
        <v>1115</v>
      </c>
    </row>
    <row r="1167" spans="1:2">
      <c r="A1167" s="8">
        <v>2150000</v>
      </c>
      <c r="B1167" s="8" t="s">
        <v>100</v>
      </c>
    </row>
    <row r="1168" spans="1:2">
      <c r="A1168" s="8">
        <v>2150013</v>
      </c>
      <c r="B1168" s="8" t="s">
        <v>1116</v>
      </c>
    </row>
    <row r="1169" spans="1:2">
      <c r="A1169" s="8">
        <v>2150017</v>
      </c>
      <c r="B1169" s="8" t="s">
        <v>1117</v>
      </c>
    </row>
    <row r="1170" spans="1:2">
      <c r="A1170" s="8">
        <v>2150018</v>
      </c>
      <c r="B1170" s="8" t="s">
        <v>1118</v>
      </c>
    </row>
    <row r="1171" spans="1:2">
      <c r="A1171" s="8">
        <v>2150027</v>
      </c>
      <c r="B1171" s="8" t="s">
        <v>1119</v>
      </c>
    </row>
    <row r="1172" spans="1:2">
      <c r="A1172" s="8">
        <v>2150023</v>
      </c>
      <c r="B1172" s="8" t="s">
        <v>1120</v>
      </c>
    </row>
    <row r="1173" spans="1:2">
      <c r="A1173" s="8">
        <v>2150006</v>
      </c>
      <c r="B1173" s="8" t="s">
        <v>1121</v>
      </c>
    </row>
    <row r="1174" spans="1:2">
      <c r="A1174" s="8">
        <v>2150021</v>
      </c>
      <c r="B1174" s="8" t="s">
        <v>1122</v>
      </c>
    </row>
    <row r="1175" spans="1:2">
      <c r="A1175" s="8">
        <v>2150033</v>
      </c>
      <c r="B1175" s="8" t="s">
        <v>1123</v>
      </c>
    </row>
    <row r="1176" spans="1:2">
      <c r="A1176" s="8">
        <v>2150032</v>
      </c>
      <c r="B1176" s="8" t="s">
        <v>1124</v>
      </c>
    </row>
    <row r="1177" spans="1:2">
      <c r="A1177" s="8">
        <v>2150031</v>
      </c>
      <c r="B1177" s="8" t="s">
        <v>1125</v>
      </c>
    </row>
    <row r="1178" spans="1:2">
      <c r="A1178" s="8">
        <v>2150035</v>
      </c>
      <c r="B1178" s="8" t="s">
        <v>1126</v>
      </c>
    </row>
    <row r="1179" spans="1:2">
      <c r="A1179" s="8">
        <v>2150025</v>
      </c>
      <c r="B1179" s="8" t="s">
        <v>1127</v>
      </c>
    </row>
    <row r="1180" spans="1:2">
      <c r="A1180" s="8">
        <v>2150022</v>
      </c>
      <c r="B1180" s="8" t="s">
        <v>1128</v>
      </c>
    </row>
    <row r="1181" spans="1:2">
      <c r="A1181" s="8">
        <v>2150024</v>
      </c>
      <c r="B1181" s="8" t="s">
        <v>1129</v>
      </c>
    </row>
    <row r="1182" spans="1:2">
      <c r="A1182" s="8">
        <v>2150003</v>
      </c>
      <c r="B1182" s="8" t="s">
        <v>1130</v>
      </c>
    </row>
    <row r="1183" spans="1:2">
      <c r="A1183" s="8">
        <v>2150002</v>
      </c>
      <c r="B1183" s="8" t="s">
        <v>1131</v>
      </c>
    </row>
    <row r="1184" spans="1:2">
      <c r="A1184" s="8">
        <v>2150005</v>
      </c>
      <c r="B1184" s="8" t="s">
        <v>1132</v>
      </c>
    </row>
    <row r="1185" spans="1:2">
      <c r="A1185" s="8">
        <v>2150015</v>
      </c>
      <c r="B1185" s="8" t="s">
        <v>1133</v>
      </c>
    </row>
    <row r="1186" spans="1:2">
      <c r="A1186" s="8">
        <v>2150014</v>
      </c>
      <c r="B1186" s="8" t="s">
        <v>1134</v>
      </c>
    </row>
    <row r="1187" spans="1:2">
      <c r="A1187" s="8">
        <v>2150016</v>
      </c>
      <c r="B1187" s="8" t="s">
        <v>1135</v>
      </c>
    </row>
    <row r="1188" spans="1:2">
      <c r="A1188" s="8">
        <v>2150036</v>
      </c>
      <c r="B1188" s="8" t="s">
        <v>1136</v>
      </c>
    </row>
    <row r="1189" spans="1:2">
      <c r="A1189" s="8">
        <v>2150012</v>
      </c>
      <c r="B1189" s="8" t="s">
        <v>1137</v>
      </c>
    </row>
    <row r="1190" spans="1:2">
      <c r="A1190" s="8">
        <v>2150026</v>
      </c>
      <c r="B1190" s="8" t="s">
        <v>1138</v>
      </c>
    </row>
    <row r="1191" spans="1:2">
      <c r="A1191" s="8">
        <v>2150001</v>
      </c>
      <c r="B1191" s="8" t="s">
        <v>1139</v>
      </c>
    </row>
    <row r="1192" spans="1:2">
      <c r="A1192" s="8">
        <v>2150004</v>
      </c>
      <c r="B1192" s="8" t="s">
        <v>1140</v>
      </c>
    </row>
    <row r="1193" spans="1:2">
      <c r="A1193" s="8">
        <v>2150034</v>
      </c>
      <c r="B1193" s="8" t="s">
        <v>1141</v>
      </c>
    </row>
    <row r="1194" spans="1:2">
      <c r="A1194" s="8">
        <v>2150007</v>
      </c>
      <c r="B1194" s="8" t="s">
        <v>1142</v>
      </c>
    </row>
    <row r="1195" spans="1:2">
      <c r="A1195" s="8">
        <v>2150011</v>
      </c>
      <c r="B1195" s="8" t="s">
        <v>1143</v>
      </c>
    </row>
    <row r="1196" spans="1:2">
      <c r="A1196" s="8">
        <v>2520100</v>
      </c>
      <c r="B1196" s="8" t="s">
        <v>101</v>
      </c>
    </row>
    <row r="1197" spans="1:2">
      <c r="A1197" s="8">
        <v>2520141</v>
      </c>
      <c r="B1197" s="8" t="s">
        <v>1144</v>
      </c>
    </row>
    <row r="1198" spans="1:2">
      <c r="A1198" s="8">
        <v>2520162</v>
      </c>
      <c r="B1198" s="8" t="s">
        <v>1145</v>
      </c>
    </row>
    <row r="1199" spans="1:2">
      <c r="A1199" s="8">
        <v>2520161</v>
      </c>
      <c r="B1199" s="8" t="s">
        <v>1146</v>
      </c>
    </row>
    <row r="1200" spans="1:2">
      <c r="A1200" s="8">
        <v>2520156</v>
      </c>
      <c r="B1200" s="8" t="s">
        <v>1147</v>
      </c>
    </row>
    <row r="1201" spans="1:2">
      <c r="A1201" s="8">
        <v>2520152</v>
      </c>
      <c r="B1201" s="8" t="s">
        <v>1148</v>
      </c>
    </row>
    <row r="1202" spans="1:2">
      <c r="A1202" s="8">
        <v>2520135</v>
      </c>
      <c r="B1202" s="8" t="s">
        <v>1149</v>
      </c>
    </row>
    <row r="1203" spans="1:2">
      <c r="A1203" s="8">
        <v>2520146</v>
      </c>
      <c r="B1203" s="8" t="s">
        <v>1150</v>
      </c>
    </row>
    <row r="1204" spans="1:2">
      <c r="A1204" s="8">
        <v>2520115</v>
      </c>
      <c r="B1204" s="8" t="s">
        <v>1151</v>
      </c>
    </row>
    <row r="1205" spans="1:2">
      <c r="A1205" s="8">
        <v>2520173</v>
      </c>
      <c r="B1205" s="8" t="s">
        <v>1152</v>
      </c>
    </row>
    <row r="1206" spans="1:2">
      <c r="A1206" s="8">
        <v>2520184</v>
      </c>
      <c r="B1206" s="8" t="s">
        <v>1153</v>
      </c>
    </row>
    <row r="1207" spans="1:2">
      <c r="A1207" s="8">
        <v>2520136</v>
      </c>
      <c r="B1207" s="8" t="s">
        <v>1154</v>
      </c>
    </row>
    <row r="1208" spans="1:2">
      <c r="A1208" s="8">
        <v>2520111</v>
      </c>
      <c r="B1208" s="8" t="s">
        <v>1155</v>
      </c>
    </row>
    <row r="1209" spans="1:2">
      <c r="A1209" s="8">
        <v>2520105</v>
      </c>
      <c r="B1209" s="8" t="s">
        <v>1156</v>
      </c>
    </row>
    <row r="1210" spans="1:2">
      <c r="A1210" s="8">
        <v>2520181</v>
      </c>
      <c r="B1210" s="8" t="s">
        <v>1157</v>
      </c>
    </row>
    <row r="1211" spans="1:2">
      <c r="A1211" s="8">
        <v>2520182</v>
      </c>
      <c r="B1211" s="8" t="s">
        <v>1158</v>
      </c>
    </row>
    <row r="1212" spans="1:2">
      <c r="A1212" s="8">
        <v>2520134</v>
      </c>
      <c r="B1212" s="8" t="s">
        <v>1159</v>
      </c>
    </row>
    <row r="1213" spans="1:2">
      <c r="A1213" s="8">
        <v>2520116</v>
      </c>
      <c r="B1213" s="8" t="s">
        <v>1160</v>
      </c>
    </row>
    <row r="1214" spans="1:2">
      <c r="A1214" s="8">
        <v>2520188</v>
      </c>
      <c r="B1214" s="8" t="s">
        <v>2216</v>
      </c>
    </row>
    <row r="1215" spans="1:2">
      <c r="A1215" s="8">
        <v>2520176</v>
      </c>
      <c r="B1215" s="8" t="s">
        <v>2216</v>
      </c>
    </row>
    <row r="1216" spans="1:2">
      <c r="A1216" s="8">
        <v>2520124</v>
      </c>
      <c r="B1216" s="8" t="s">
        <v>1161</v>
      </c>
    </row>
    <row r="1217" spans="1:2">
      <c r="A1217" s="8">
        <v>2520113</v>
      </c>
      <c r="B1217" s="8" t="s">
        <v>1162</v>
      </c>
    </row>
    <row r="1218" spans="1:2">
      <c r="A1218" s="8">
        <v>2520174</v>
      </c>
      <c r="B1218" s="8" t="s">
        <v>1163</v>
      </c>
    </row>
    <row r="1219" spans="1:2">
      <c r="A1219" s="8">
        <v>2520155</v>
      </c>
      <c r="B1219" s="8" t="s">
        <v>1164</v>
      </c>
    </row>
    <row r="1220" spans="1:2">
      <c r="A1220" s="8">
        <v>2520117</v>
      </c>
      <c r="B1220" s="8" t="s">
        <v>1165</v>
      </c>
    </row>
    <row r="1221" spans="1:2">
      <c r="A1221" s="8">
        <v>2520154</v>
      </c>
      <c r="B1221" s="8" t="s">
        <v>1166</v>
      </c>
    </row>
    <row r="1222" spans="1:2">
      <c r="A1222" s="8">
        <v>2520157</v>
      </c>
      <c r="B1222" s="8" t="s">
        <v>1167</v>
      </c>
    </row>
    <row r="1223" spans="1:2">
      <c r="A1223" s="8">
        <v>2520187</v>
      </c>
      <c r="B1223" s="8" t="s">
        <v>1168</v>
      </c>
    </row>
    <row r="1224" spans="1:2">
      <c r="A1224" s="8">
        <v>2520131</v>
      </c>
      <c r="B1224" s="8" t="s">
        <v>1169</v>
      </c>
    </row>
    <row r="1225" spans="1:2">
      <c r="A1225" s="8">
        <v>2520137</v>
      </c>
      <c r="B1225" s="8" t="s">
        <v>1170</v>
      </c>
    </row>
    <row r="1226" spans="1:2">
      <c r="A1226" s="8">
        <v>2520153</v>
      </c>
      <c r="B1226" s="8" t="s">
        <v>1171</v>
      </c>
    </row>
    <row r="1227" spans="1:2">
      <c r="A1227" s="8">
        <v>2520143</v>
      </c>
      <c r="B1227" s="8" t="s">
        <v>1172</v>
      </c>
    </row>
    <row r="1228" spans="1:2">
      <c r="A1228" s="8">
        <v>2520132</v>
      </c>
      <c r="B1228" s="8" t="s">
        <v>1173</v>
      </c>
    </row>
    <row r="1229" spans="1:2">
      <c r="A1229" s="8">
        <v>2520114</v>
      </c>
      <c r="B1229" s="8" t="s">
        <v>1174</v>
      </c>
    </row>
    <row r="1230" spans="1:2">
      <c r="A1230" s="8">
        <v>2520102</v>
      </c>
      <c r="B1230" s="8" t="s">
        <v>1175</v>
      </c>
    </row>
    <row r="1231" spans="1:2">
      <c r="A1231" s="8">
        <v>2520103</v>
      </c>
      <c r="B1231" s="8" t="s">
        <v>1176</v>
      </c>
    </row>
    <row r="1232" spans="1:2">
      <c r="A1232" s="8">
        <v>2520144</v>
      </c>
      <c r="B1232" s="8" t="s">
        <v>1177</v>
      </c>
    </row>
    <row r="1233" spans="1:2">
      <c r="A1233" s="8">
        <v>2520185</v>
      </c>
      <c r="B1233" s="8" t="s">
        <v>1178</v>
      </c>
    </row>
    <row r="1234" spans="1:2">
      <c r="A1234" s="8">
        <v>2520106</v>
      </c>
      <c r="B1234" s="8" t="s">
        <v>1179</v>
      </c>
    </row>
    <row r="1235" spans="1:2">
      <c r="A1235" s="8">
        <v>2520186</v>
      </c>
      <c r="B1235" s="8" t="s">
        <v>1180</v>
      </c>
    </row>
    <row r="1236" spans="1:2">
      <c r="A1236" s="8">
        <v>2520158</v>
      </c>
      <c r="B1236" s="8" t="s">
        <v>1181</v>
      </c>
    </row>
    <row r="1237" spans="1:2">
      <c r="A1237" s="8">
        <v>2520101</v>
      </c>
      <c r="B1237" s="8" t="s">
        <v>1182</v>
      </c>
    </row>
    <row r="1238" spans="1:2">
      <c r="A1238" s="8">
        <v>2520151</v>
      </c>
      <c r="B1238" s="8" t="s">
        <v>1183</v>
      </c>
    </row>
    <row r="1239" spans="1:2">
      <c r="A1239" s="8">
        <v>2520159</v>
      </c>
      <c r="B1239" s="8" t="s">
        <v>1184</v>
      </c>
    </row>
    <row r="1240" spans="1:2">
      <c r="A1240" s="8">
        <v>2520104</v>
      </c>
      <c r="B1240" s="8" t="s">
        <v>1185</v>
      </c>
    </row>
    <row r="1241" spans="1:2">
      <c r="A1241" s="8">
        <v>2520142</v>
      </c>
      <c r="B1241" s="8" t="s">
        <v>1186</v>
      </c>
    </row>
    <row r="1242" spans="1:2">
      <c r="A1242" s="8">
        <v>2520183</v>
      </c>
      <c r="B1242" s="8" t="s">
        <v>1187</v>
      </c>
    </row>
    <row r="1243" spans="1:2">
      <c r="A1243" s="8">
        <v>2520171</v>
      </c>
      <c r="B1243" s="8" t="s">
        <v>1188</v>
      </c>
    </row>
    <row r="1244" spans="1:2">
      <c r="A1244" s="8">
        <v>2520172</v>
      </c>
      <c r="B1244" s="8" t="s">
        <v>1189</v>
      </c>
    </row>
    <row r="1245" spans="1:2">
      <c r="A1245" s="8">
        <v>2520112</v>
      </c>
      <c r="B1245" s="8" t="s">
        <v>1190</v>
      </c>
    </row>
    <row r="1246" spans="1:2">
      <c r="A1246" s="8">
        <v>2520175</v>
      </c>
      <c r="B1246" s="8" t="s">
        <v>1191</v>
      </c>
    </row>
    <row r="1247" spans="1:2">
      <c r="A1247" s="8">
        <v>2520200</v>
      </c>
      <c r="B1247" s="8" t="s">
        <v>102</v>
      </c>
    </row>
    <row r="1248" spans="1:2">
      <c r="A1248" s="8">
        <v>2520235</v>
      </c>
      <c r="B1248" s="8" t="s">
        <v>1192</v>
      </c>
    </row>
    <row r="1249" spans="1:2">
      <c r="A1249" s="8">
        <v>2520224</v>
      </c>
      <c r="B1249" s="8" t="s">
        <v>1193</v>
      </c>
    </row>
    <row r="1250" spans="1:2">
      <c r="A1250" s="8">
        <v>2520251</v>
      </c>
      <c r="B1250" s="8" t="s">
        <v>1194</v>
      </c>
    </row>
    <row r="1251" spans="1:2">
      <c r="A1251" s="8">
        <v>2520205</v>
      </c>
      <c r="B1251" s="8" t="s">
        <v>1195</v>
      </c>
    </row>
    <row r="1252" spans="1:2">
      <c r="A1252" s="8">
        <v>2520233</v>
      </c>
      <c r="B1252" s="8" t="s">
        <v>1196</v>
      </c>
    </row>
    <row r="1253" spans="1:2">
      <c r="A1253" s="8">
        <v>2520243</v>
      </c>
      <c r="B1253" s="8" t="s">
        <v>1197</v>
      </c>
    </row>
    <row r="1254" spans="1:2">
      <c r="A1254" s="8">
        <v>2520201</v>
      </c>
      <c r="B1254" s="8" t="s">
        <v>1198</v>
      </c>
    </row>
    <row r="1255" spans="1:2">
      <c r="A1255" s="8">
        <v>2520234</v>
      </c>
      <c r="B1255" s="8" t="s">
        <v>1199</v>
      </c>
    </row>
    <row r="1256" spans="1:2">
      <c r="A1256" s="8">
        <v>2520214</v>
      </c>
      <c r="B1256" s="8" t="s">
        <v>1200</v>
      </c>
    </row>
    <row r="1257" spans="1:2">
      <c r="A1257" s="8">
        <v>2520217</v>
      </c>
      <c r="B1257" s="8" t="s">
        <v>1201</v>
      </c>
    </row>
    <row r="1258" spans="1:2">
      <c r="A1258" s="8">
        <v>2520231</v>
      </c>
      <c r="B1258" s="8" t="s">
        <v>1202</v>
      </c>
    </row>
    <row r="1259" spans="1:2">
      <c r="A1259" s="8">
        <v>2520254</v>
      </c>
      <c r="B1259" s="8" t="s">
        <v>1203</v>
      </c>
    </row>
    <row r="1260" spans="1:2">
      <c r="A1260" s="8">
        <v>2520246</v>
      </c>
      <c r="B1260" s="8" t="s">
        <v>1204</v>
      </c>
    </row>
    <row r="1261" spans="1:2">
      <c r="A1261" s="8">
        <v>2520213</v>
      </c>
      <c r="B1261" s="8" t="s">
        <v>1205</v>
      </c>
    </row>
    <row r="1262" spans="1:2">
      <c r="A1262" s="8">
        <v>2520216</v>
      </c>
      <c r="B1262" s="8" t="s">
        <v>1206</v>
      </c>
    </row>
    <row r="1263" spans="1:2">
      <c r="A1263" s="8">
        <v>2520221</v>
      </c>
      <c r="B1263" s="8" t="s">
        <v>1207</v>
      </c>
    </row>
    <row r="1264" spans="1:2">
      <c r="A1264" s="8">
        <v>2520244</v>
      </c>
      <c r="B1264" s="8" t="s">
        <v>1208</v>
      </c>
    </row>
    <row r="1265" spans="1:2">
      <c r="A1265" s="8">
        <v>2520245</v>
      </c>
      <c r="B1265" s="8" t="s">
        <v>1209</v>
      </c>
    </row>
    <row r="1266" spans="1:2">
      <c r="A1266" s="8">
        <v>2520239</v>
      </c>
      <c r="B1266" s="8" t="s">
        <v>1210</v>
      </c>
    </row>
    <row r="1267" spans="1:2">
      <c r="A1267" s="8">
        <v>2520237</v>
      </c>
      <c r="B1267" s="8" t="s">
        <v>1211</v>
      </c>
    </row>
    <row r="1268" spans="1:2">
      <c r="A1268" s="8">
        <v>2520228</v>
      </c>
      <c r="B1268" s="8" t="s">
        <v>1212</v>
      </c>
    </row>
    <row r="1269" spans="1:2">
      <c r="A1269" s="8">
        <v>2520203</v>
      </c>
      <c r="B1269" s="8" t="s">
        <v>1213</v>
      </c>
    </row>
    <row r="1270" spans="1:2">
      <c r="A1270" s="8">
        <v>2520227</v>
      </c>
      <c r="B1270" s="8" t="s">
        <v>1214</v>
      </c>
    </row>
    <row r="1271" spans="1:2">
      <c r="A1271" s="8">
        <v>2520215</v>
      </c>
      <c r="B1271" s="8" t="s">
        <v>1215</v>
      </c>
    </row>
    <row r="1272" spans="1:2">
      <c r="A1272" s="8">
        <v>2520236</v>
      </c>
      <c r="B1272" s="8" t="s">
        <v>1216</v>
      </c>
    </row>
    <row r="1273" spans="1:2">
      <c r="A1273" s="8">
        <v>2520206</v>
      </c>
      <c r="B1273" s="8" t="s">
        <v>1217</v>
      </c>
    </row>
    <row r="1274" spans="1:2">
      <c r="A1274" s="8">
        <v>2520202</v>
      </c>
      <c r="B1274" s="8" t="s">
        <v>1218</v>
      </c>
    </row>
    <row r="1275" spans="1:2">
      <c r="A1275" s="8">
        <v>2520238</v>
      </c>
      <c r="B1275" s="8" t="s">
        <v>1219</v>
      </c>
    </row>
    <row r="1276" spans="1:2">
      <c r="A1276" s="8">
        <v>2520223</v>
      </c>
      <c r="B1276" s="8" t="s">
        <v>1220</v>
      </c>
    </row>
    <row r="1277" spans="1:2">
      <c r="A1277" s="8">
        <v>2520225</v>
      </c>
      <c r="B1277" s="8" t="s">
        <v>1221</v>
      </c>
    </row>
    <row r="1278" spans="1:2">
      <c r="A1278" s="8">
        <v>2520253</v>
      </c>
      <c r="B1278" s="8" t="s">
        <v>1222</v>
      </c>
    </row>
    <row r="1279" spans="1:2">
      <c r="A1279" s="8">
        <v>2520212</v>
      </c>
      <c r="B1279" s="8" t="s">
        <v>1223</v>
      </c>
    </row>
    <row r="1280" spans="1:2">
      <c r="A1280" s="8">
        <v>2520211</v>
      </c>
      <c r="B1280" s="8" t="s">
        <v>1224</v>
      </c>
    </row>
    <row r="1281" spans="1:2">
      <c r="A1281" s="8">
        <v>2520229</v>
      </c>
      <c r="B1281" s="8" t="s">
        <v>1225</v>
      </c>
    </row>
    <row r="1282" spans="1:2">
      <c r="A1282" s="8">
        <v>2520232</v>
      </c>
      <c r="B1282" s="8" t="s">
        <v>1226</v>
      </c>
    </row>
    <row r="1283" spans="1:2">
      <c r="A1283" s="8">
        <v>2520207</v>
      </c>
      <c r="B1283" s="8" t="s">
        <v>1227</v>
      </c>
    </row>
    <row r="1284" spans="1:2">
      <c r="A1284" s="8">
        <v>2520208</v>
      </c>
      <c r="B1284" s="8" t="s">
        <v>1228</v>
      </c>
    </row>
    <row r="1285" spans="1:2">
      <c r="A1285" s="8">
        <v>2520226</v>
      </c>
      <c r="B1285" s="8" t="s">
        <v>1229</v>
      </c>
    </row>
    <row r="1286" spans="1:2">
      <c r="A1286" s="8">
        <v>2520242</v>
      </c>
      <c r="B1286" s="8" t="s">
        <v>1230</v>
      </c>
    </row>
    <row r="1287" spans="1:2">
      <c r="A1287" s="8">
        <v>2520241</v>
      </c>
      <c r="B1287" s="8" t="s">
        <v>1231</v>
      </c>
    </row>
    <row r="1288" spans="1:2">
      <c r="A1288" s="8">
        <v>2520222</v>
      </c>
      <c r="B1288" s="8" t="s">
        <v>1232</v>
      </c>
    </row>
    <row r="1289" spans="1:2">
      <c r="A1289" s="8">
        <v>2520300</v>
      </c>
      <c r="B1289" s="8" t="s">
        <v>103</v>
      </c>
    </row>
    <row r="1290" spans="1:2">
      <c r="A1290" s="8">
        <v>2520304</v>
      </c>
      <c r="B1290" s="8" t="s">
        <v>1233</v>
      </c>
    </row>
    <row r="1291" spans="1:2">
      <c r="A1291" s="8">
        <v>2520328</v>
      </c>
      <c r="B1291" s="8" t="s">
        <v>1234</v>
      </c>
    </row>
    <row r="1292" spans="1:2">
      <c r="A1292" s="8">
        <v>2520325</v>
      </c>
      <c r="B1292" s="8" t="s">
        <v>1235</v>
      </c>
    </row>
    <row r="1293" spans="1:2">
      <c r="A1293" s="8">
        <v>2520327</v>
      </c>
      <c r="B1293" s="8" t="s">
        <v>1236</v>
      </c>
    </row>
    <row r="1294" spans="1:2">
      <c r="A1294" s="8">
        <v>2520301</v>
      </c>
      <c r="B1294" s="8" t="s">
        <v>1237</v>
      </c>
    </row>
    <row r="1295" spans="1:2">
      <c r="A1295" s="8">
        <v>2520331</v>
      </c>
      <c r="B1295" s="8" t="s">
        <v>1238</v>
      </c>
    </row>
    <row r="1296" spans="1:2">
      <c r="A1296" s="8">
        <v>2520302</v>
      </c>
      <c r="B1296" s="8" t="s">
        <v>1239</v>
      </c>
    </row>
    <row r="1297" spans="1:2">
      <c r="A1297" s="8">
        <v>2520318</v>
      </c>
      <c r="B1297" s="8" t="s">
        <v>1240</v>
      </c>
    </row>
    <row r="1298" spans="1:2">
      <c r="A1298" s="8">
        <v>2520329</v>
      </c>
      <c r="B1298" s="8" t="s">
        <v>1241</v>
      </c>
    </row>
    <row r="1299" spans="1:2">
      <c r="A1299" s="8">
        <v>2520344</v>
      </c>
      <c r="B1299" s="8" t="s">
        <v>1242</v>
      </c>
    </row>
    <row r="1300" spans="1:2">
      <c r="A1300" s="8">
        <v>2520306</v>
      </c>
      <c r="B1300" s="8" t="s">
        <v>1243</v>
      </c>
    </row>
    <row r="1301" spans="1:2">
      <c r="A1301" s="8">
        <v>2520303</v>
      </c>
      <c r="B1301" s="8" t="s">
        <v>1244</v>
      </c>
    </row>
    <row r="1302" spans="1:2">
      <c r="A1302" s="8">
        <v>2520321</v>
      </c>
      <c r="B1302" s="8" t="s">
        <v>1245</v>
      </c>
    </row>
    <row r="1303" spans="1:2">
      <c r="A1303" s="8">
        <v>2520322</v>
      </c>
      <c r="B1303" s="8" t="s">
        <v>1246</v>
      </c>
    </row>
    <row r="1304" spans="1:2">
      <c r="A1304" s="8">
        <v>2520315</v>
      </c>
      <c r="B1304" s="8" t="s">
        <v>1247</v>
      </c>
    </row>
    <row r="1305" spans="1:2">
      <c r="A1305" s="8">
        <v>2520335</v>
      </c>
      <c r="B1305" s="8" t="s">
        <v>1248</v>
      </c>
    </row>
    <row r="1306" spans="1:2">
      <c r="A1306" s="8">
        <v>2520326</v>
      </c>
      <c r="B1306" s="8" t="s">
        <v>1249</v>
      </c>
    </row>
    <row r="1307" spans="1:2">
      <c r="A1307" s="8">
        <v>2520312</v>
      </c>
      <c r="B1307" s="8" t="s">
        <v>1250</v>
      </c>
    </row>
    <row r="1308" spans="1:2">
      <c r="A1308" s="8">
        <v>2520324</v>
      </c>
      <c r="B1308" s="8" t="s">
        <v>1251</v>
      </c>
    </row>
    <row r="1309" spans="1:2">
      <c r="A1309" s="8">
        <v>2520323</v>
      </c>
      <c r="B1309" s="8" t="s">
        <v>1252</v>
      </c>
    </row>
    <row r="1310" spans="1:2">
      <c r="A1310" s="8">
        <v>2520336</v>
      </c>
      <c r="B1310" s="8" t="s">
        <v>1253</v>
      </c>
    </row>
    <row r="1311" spans="1:2">
      <c r="A1311" s="8">
        <v>2520332</v>
      </c>
      <c r="B1311" s="8" t="s">
        <v>1254</v>
      </c>
    </row>
    <row r="1312" spans="1:2">
      <c r="A1312" s="8">
        <v>2520333</v>
      </c>
      <c r="B1312" s="8" t="s">
        <v>1255</v>
      </c>
    </row>
    <row r="1313" spans="1:2">
      <c r="A1313" s="8">
        <v>2520311</v>
      </c>
      <c r="B1313" s="8" t="s">
        <v>1256</v>
      </c>
    </row>
    <row r="1314" spans="1:2">
      <c r="A1314" s="8">
        <v>2520316</v>
      </c>
      <c r="B1314" s="8" t="s">
        <v>1257</v>
      </c>
    </row>
    <row r="1315" spans="1:2">
      <c r="A1315" s="8">
        <v>2520307</v>
      </c>
      <c r="B1315" s="8" t="s">
        <v>1258</v>
      </c>
    </row>
    <row r="1316" spans="1:2">
      <c r="A1316" s="8">
        <v>2520313</v>
      </c>
      <c r="B1316" s="8" t="s">
        <v>1259</v>
      </c>
    </row>
    <row r="1317" spans="1:2">
      <c r="A1317" s="8">
        <v>2520317</v>
      </c>
      <c r="B1317" s="8" t="s">
        <v>1260</v>
      </c>
    </row>
    <row r="1318" spans="1:2">
      <c r="A1318" s="8">
        <v>2520314</v>
      </c>
      <c r="B1318" s="8" t="s">
        <v>1261</v>
      </c>
    </row>
    <row r="1319" spans="1:2">
      <c r="A1319" s="8">
        <v>2520305</v>
      </c>
      <c r="B1319" s="8" t="s">
        <v>1262</v>
      </c>
    </row>
    <row r="1320" spans="1:2">
      <c r="A1320" s="8">
        <v>2520334</v>
      </c>
      <c r="B1320" s="8" t="s">
        <v>1263</v>
      </c>
    </row>
    <row r="1321" spans="1:2">
      <c r="A1321" s="8">
        <v>2380000</v>
      </c>
      <c r="B1321" s="8" t="s">
        <v>104</v>
      </c>
    </row>
    <row r="1322" spans="1:2">
      <c r="A1322" s="8">
        <v>2400105</v>
      </c>
      <c r="B1322" s="8" t="s">
        <v>1264</v>
      </c>
    </row>
    <row r="1323" spans="1:2">
      <c r="A1323" s="8">
        <v>2400104</v>
      </c>
      <c r="B1323" s="8" t="s">
        <v>1265</v>
      </c>
    </row>
    <row r="1324" spans="1:2">
      <c r="A1324" s="8">
        <v>2380033</v>
      </c>
      <c r="B1324" s="8" t="s">
        <v>1266</v>
      </c>
    </row>
    <row r="1325" spans="1:2">
      <c r="A1325" s="8">
        <v>2390845</v>
      </c>
      <c r="B1325" s="8" t="s">
        <v>1267</v>
      </c>
    </row>
    <row r="1326" spans="1:2">
      <c r="A1326" s="8">
        <v>2380048</v>
      </c>
      <c r="B1326" s="8" t="s">
        <v>1268</v>
      </c>
    </row>
    <row r="1327" spans="1:2">
      <c r="A1327" s="8">
        <v>2380035</v>
      </c>
      <c r="B1327" s="8" t="s">
        <v>1269</v>
      </c>
    </row>
    <row r="1328" spans="1:2">
      <c r="A1328" s="8">
        <v>2390806</v>
      </c>
      <c r="B1328" s="8" t="s">
        <v>1270</v>
      </c>
    </row>
    <row r="1329" spans="1:2">
      <c r="A1329" s="8">
        <v>2380003</v>
      </c>
      <c r="B1329" s="8" t="s">
        <v>1271</v>
      </c>
    </row>
    <row r="1330" spans="1:2">
      <c r="A1330" s="8">
        <v>2380051</v>
      </c>
      <c r="B1330" s="8" t="s">
        <v>1272</v>
      </c>
    </row>
    <row r="1331" spans="1:2">
      <c r="A1331" s="8">
        <v>2390844</v>
      </c>
      <c r="B1331" s="8" t="s">
        <v>1273</v>
      </c>
    </row>
    <row r="1332" spans="1:2">
      <c r="A1332" s="8">
        <v>2390836</v>
      </c>
      <c r="B1332" s="8" t="s">
        <v>1274</v>
      </c>
    </row>
    <row r="1333" spans="1:2">
      <c r="A1333" s="8">
        <v>2390837</v>
      </c>
      <c r="B1333" s="8" t="s">
        <v>1275</v>
      </c>
    </row>
    <row r="1334" spans="1:2">
      <c r="A1334" s="8">
        <v>2390822</v>
      </c>
      <c r="B1334" s="8" t="s">
        <v>1276</v>
      </c>
    </row>
    <row r="1335" spans="1:2">
      <c r="A1335" s="8">
        <v>2390823</v>
      </c>
      <c r="B1335" s="8" t="s">
        <v>1277</v>
      </c>
    </row>
    <row r="1336" spans="1:2">
      <c r="A1336" s="8">
        <v>2390815</v>
      </c>
      <c r="B1336" s="8" t="s">
        <v>1278</v>
      </c>
    </row>
    <row r="1337" spans="1:2">
      <c r="A1337" s="8">
        <v>2370062</v>
      </c>
      <c r="B1337" s="8" t="s">
        <v>1279</v>
      </c>
    </row>
    <row r="1338" spans="1:2">
      <c r="A1338" s="8">
        <v>2380017</v>
      </c>
      <c r="B1338" s="8" t="s">
        <v>1280</v>
      </c>
    </row>
    <row r="1339" spans="1:2">
      <c r="A1339" s="8">
        <v>2380311</v>
      </c>
      <c r="B1339" s="8" t="s">
        <v>1281</v>
      </c>
    </row>
    <row r="1340" spans="1:2">
      <c r="A1340" s="8">
        <v>2380008</v>
      </c>
      <c r="B1340" s="8" t="s">
        <v>1282</v>
      </c>
    </row>
    <row r="1341" spans="1:2">
      <c r="A1341" s="8">
        <v>2390808</v>
      </c>
      <c r="B1341" s="8" t="s">
        <v>1283</v>
      </c>
    </row>
    <row r="1342" spans="1:2">
      <c r="A1342" s="8">
        <v>2380024</v>
      </c>
      <c r="B1342" s="8" t="s">
        <v>1284</v>
      </c>
    </row>
    <row r="1343" spans="1:2">
      <c r="A1343" s="8">
        <v>2380004</v>
      </c>
      <c r="B1343" s="8" t="s">
        <v>1285</v>
      </c>
    </row>
    <row r="1344" spans="1:2">
      <c r="A1344" s="8">
        <v>2400102</v>
      </c>
      <c r="B1344" s="8" t="s">
        <v>1286</v>
      </c>
    </row>
    <row r="1345" spans="1:2">
      <c r="A1345" s="8">
        <v>2370063</v>
      </c>
      <c r="B1345" s="8" t="s">
        <v>1287</v>
      </c>
    </row>
    <row r="1346" spans="1:2">
      <c r="A1346" s="8">
        <v>2370065</v>
      </c>
      <c r="B1346" s="8" t="s">
        <v>1288</v>
      </c>
    </row>
    <row r="1347" spans="1:2">
      <c r="A1347" s="8">
        <v>2370068</v>
      </c>
      <c r="B1347" s="8" t="s">
        <v>1289</v>
      </c>
    </row>
    <row r="1348" spans="1:2">
      <c r="A1348" s="8">
        <v>2370064</v>
      </c>
      <c r="B1348" s="8" t="s">
        <v>1290</v>
      </c>
    </row>
    <row r="1349" spans="1:2">
      <c r="A1349" s="8">
        <v>2390812</v>
      </c>
      <c r="B1349" s="8" t="s">
        <v>1291</v>
      </c>
    </row>
    <row r="1350" spans="1:2">
      <c r="A1350" s="8">
        <v>2380034</v>
      </c>
      <c r="B1350" s="8" t="s">
        <v>1292</v>
      </c>
    </row>
    <row r="1351" spans="1:2">
      <c r="A1351" s="8">
        <v>2390813</v>
      </c>
      <c r="B1351" s="8" t="s">
        <v>1293</v>
      </c>
    </row>
    <row r="1352" spans="1:2">
      <c r="A1352" s="8">
        <v>2380031</v>
      </c>
      <c r="B1352" s="8" t="s">
        <v>1294</v>
      </c>
    </row>
    <row r="1353" spans="1:2">
      <c r="A1353" s="8">
        <v>2380025</v>
      </c>
      <c r="B1353" s="8" t="s">
        <v>1295</v>
      </c>
    </row>
    <row r="1354" spans="1:2">
      <c r="A1354" s="8">
        <v>2380022</v>
      </c>
      <c r="B1354" s="8" t="s">
        <v>1296</v>
      </c>
    </row>
    <row r="1355" spans="1:2">
      <c r="A1355" s="8">
        <v>2380002</v>
      </c>
      <c r="B1355" s="8" t="s">
        <v>1297</v>
      </c>
    </row>
    <row r="1356" spans="1:2">
      <c r="A1356" s="8">
        <v>2390828</v>
      </c>
      <c r="B1356" s="8" t="s">
        <v>1298</v>
      </c>
    </row>
    <row r="1357" spans="1:2">
      <c r="A1357" s="8">
        <v>2390834</v>
      </c>
      <c r="B1357" s="8" t="s">
        <v>1299</v>
      </c>
    </row>
    <row r="1358" spans="1:2">
      <c r="A1358" s="8">
        <v>2390831</v>
      </c>
      <c r="B1358" s="8" t="s">
        <v>1300</v>
      </c>
    </row>
    <row r="1359" spans="1:2">
      <c r="A1359" s="8">
        <v>2390827</v>
      </c>
      <c r="B1359" s="8" t="s">
        <v>1301</v>
      </c>
    </row>
    <row r="1360" spans="1:2">
      <c r="A1360" s="8">
        <v>2390846</v>
      </c>
      <c r="B1360" s="8" t="s">
        <v>1302</v>
      </c>
    </row>
    <row r="1361" spans="1:2">
      <c r="A1361" s="8">
        <v>2390820</v>
      </c>
      <c r="B1361" s="8" t="s">
        <v>1303</v>
      </c>
    </row>
    <row r="1362" spans="1:2">
      <c r="A1362" s="8">
        <v>2400106</v>
      </c>
      <c r="B1362" s="8" t="s">
        <v>1304</v>
      </c>
    </row>
    <row r="1363" spans="1:2">
      <c r="A1363" s="8">
        <v>2380026</v>
      </c>
      <c r="B1363" s="8" t="s">
        <v>1305</v>
      </c>
    </row>
    <row r="1364" spans="1:2">
      <c r="A1364" s="8">
        <v>2380043</v>
      </c>
      <c r="B1364" s="8" t="s">
        <v>1306</v>
      </c>
    </row>
    <row r="1365" spans="1:2">
      <c r="A1365" s="8">
        <v>2390803</v>
      </c>
      <c r="B1365" s="8" t="s">
        <v>1307</v>
      </c>
    </row>
    <row r="1366" spans="1:2">
      <c r="A1366" s="8">
        <v>2400103</v>
      </c>
      <c r="B1366" s="8" t="s">
        <v>1308</v>
      </c>
    </row>
    <row r="1367" spans="1:2">
      <c r="A1367" s="8">
        <v>2400108</v>
      </c>
      <c r="B1367" s="8" t="s">
        <v>1309</v>
      </c>
    </row>
    <row r="1368" spans="1:2">
      <c r="A1368" s="8">
        <v>2380052</v>
      </c>
      <c r="B1368" s="8" t="s">
        <v>1310</v>
      </c>
    </row>
    <row r="1369" spans="1:2">
      <c r="A1369" s="8">
        <v>2390835</v>
      </c>
      <c r="B1369" s="8" t="s">
        <v>1311</v>
      </c>
    </row>
    <row r="1370" spans="1:2">
      <c r="A1370" s="8">
        <v>2380019</v>
      </c>
      <c r="B1370" s="8" t="s">
        <v>1312</v>
      </c>
    </row>
    <row r="1371" spans="1:2">
      <c r="A1371" s="8">
        <v>2380042</v>
      </c>
      <c r="B1371" s="8" t="s">
        <v>1313</v>
      </c>
    </row>
    <row r="1372" spans="1:2">
      <c r="A1372" s="8">
        <v>2380054</v>
      </c>
      <c r="B1372" s="8" t="s">
        <v>1314</v>
      </c>
    </row>
    <row r="1373" spans="1:2">
      <c r="A1373" s="8">
        <v>2400107</v>
      </c>
      <c r="B1373" s="8" t="s">
        <v>1315</v>
      </c>
    </row>
    <row r="1374" spans="1:2">
      <c r="A1374" s="8">
        <v>2370066</v>
      </c>
      <c r="B1374" s="8" t="s">
        <v>1316</v>
      </c>
    </row>
    <row r="1375" spans="1:2">
      <c r="A1375" s="8">
        <v>2380005</v>
      </c>
      <c r="B1375" s="8" t="s">
        <v>1317</v>
      </c>
    </row>
    <row r="1376" spans="1:2">
      <c r="A1376" s="8">
        <v>2390832</v>
      </c>
      <c r="B1376" s="8" t="s">
        <v>1318</v>
      </c>
    </row>
    <row r="1377" spans="1:2">
      <c r="A1377" s="8">
        <v>2380314</v>
      </c>
      <c r="B1377" s="8" t="s">
        <v>1319</v>
      </c>
    </row>
    <row r="1378" spans="1:2">
      <c r="A1378" s="8">
        <v>2370073</v>
      </c>
      <c r="B1378" s="8" t="s">
        <v>1320</v>
      </c>
    </row>
    <row r="1379" spans="1:2">
      <c r="A1379" s="8">
        <v>2370074</v>
      </c>
      <c r="B1379" s="8" t="s">
        <v>1321</v>
      </c>
    </row>
    <row r="1380" spans="1:2">
      <c r="A1380" s="8">
        <v>2370071</v>
      </c>
      <c r="B1380" s="8" t="s">
        <v>1322</v>
      </c>
    </row>
    <row r="1381" spans="1:2">
      <c r="A1381" s="8">
        <v>2370075</v>
      </c>
      <c r="B1381" s="8" t="s">
        <v>1323</v>
      </c>
    </row>
    <row r="1382" spans="1:2">
      <c r="A1382" s="8">
        <v>2370067</v>
      </c>
      <c r="B1382" s="8" t="s">
        <v>1324</v>
      </c>
    </row>
    <row r="1383" spans="1:2">
      <c r="A1383" s="8">
        <v>2380313</v>
      </c>
      <c r="B1383" s="8" t="s">
        <v>1325</v>
      </c>
    </row>
    <row r="1384" spans="1:2">
      <c r="A1384" s="8">
        <v>2380015</v>
      </c>
      <c r="B1384" s="8" t="s">
        <v>1326</v>
      </c>
    </row>
    <row r="1385" spans="1:2">
      <c r="A1385" s="8">
        <v>2390843</v>
      </c>
      <c r="B1385" s="8" t="s">
        <v>1327</v>
      </c>
    </row>
    <row r="1386" spans="1:2">
      <c r="A1386" s="8">
        <v>2380056</v>
      </c>
      <c r="B1386" s="8" t="s">
        <v>1328</v>
      </c>
    </row>
    <row r="1387" spans="1:2">
      <c r="A1387" s="8">
        <v>2380001</v>
      </c>
      <c r="B1387" s="8" t="s">
        <v>1329</v>
      </c>
    </row>
    <row r="1388" spans="1:2">
      <c r="A1388" s="8">
        <v>2380316</v>
      </c>
      <c r="B1388" s="8" t="s">
        <v>1330</v>
      </c>
    </row>
    <row r="1389" spans="1:2">
      <c r="A1389" s="8">
        <v>2370072</v>
      </c>
      <c r="B1389" s="8" t="s">
        <v>1331</v>
      </c>
    </row>
    <row r="1390" spans="1:2">
      <c r="A1390" s="8">
        <v>2400101</v>
      </c>
      <c r="B1390" s="8" t="s">
        <v>1332</v>
      </c>
    </row>
    <row r="1391" spans="1:2">
      <c r="A1391" s="8">
        <v>2390842</v>
      </c>
      <c r="B1391" s="8" t="s">
        <v>1333</v>
      </c>
    </row>
    <row r="1392" spans="1:2">
      <c r="A1392" s="8">
        <v>2390826</v>
      </c>
      <c r="B1392" s="8" t="s">
        <v>1334</v>
      </c>
    </row>
    <row r="1393" spans="1:2">
      <c r="A1393" s="8">
        <v>2370061</v>
      </c>
      <c r="B1393" s="8" t="s">
        <v>1335</v>
      </c>
    </row>
    <row r="1394" spans="1:2">
      <c r="A1394" s="8">
        <v>2390824</v>
      </c>
      <c r="B1394" s="8" t="s">
        <v>1336</v>
      </c>
    </row>
    <row r="1395" spans="1:2">
      <c r="A1395" s="8">
        <v>2380046</v>
      </c>
      <c r="B1395" s="8" t="s">
        <v>1337</v>
      </c>
    </row>
    <row r="1396" spans="1:2">
      <c r="A1396" s="8">
        <v>2390807</v>
      </c>
      <c r="B1396" s="8" t="s">
        <v>1338</v>
      </c>
    </row>
    <row r="1397" spans="1:2">
      <c r="A1397" s="8">
        <v>2390841</v>
      </c>
      <c r="B1397" s="8" t="s">
        <v>1339</v>
      </c>
    </row>
    <row r="1398" spans="1:2">
      <c r="A1398" s="8">
        <v>2390833</v>
      </c>
      <c r="B1398" s="8" t="s">
        <v>1340</v>
      </c>
    </row>
    <row r="1399" spans="1:2">
      <c r="A1399" s="8">
        <v>2370078</v>
      </c>
      <c r="B1399" s="8" t="s">
        <v>1341</v>
      </c>
    </row>
    <row r="1400" spans="1:2">
      <c r="A1400" s="8">
        <v>2390811</v>
      </c>
      <c r="B1400" s="8" t="s">
        <v>1342</v>
      </c>
    </row>
    <row r="1401" spans="1:2">
      <c r="A1401" s="8">
        <v>2370077</v>
      </c>
      <c r="B1401" s="8" t="s">
        <v>1343</v>
      </c>
    </row>
    <row r="1402" spans="1:2">
      <c r="A1402" s="8">
        <v>2380315</v>
      </c>
      <c r="B1402" s="8" t="s">
        <v>1344</v>
      </c>
    </row>
    <row r="1403" spans="1:2">
      <c r="A1403" s="8">
        <v>2390821</v>
      </c>
      <c r="B1403" s="8" t="s">
        <v>1345</v>
      </c>
    </row>
    <row r="1404" spans="1:2">
      <c r="A1404" s="8">
        <v>2380045</v>
      </c>
      <c r="B1404" s="8" t="s">
        <v>1346</v>
      </c>
    </row>
    <row r="1405" spans="1:2">
      <c r="A1405" s="8">
        <v>2390847</v>
      </c>
      <c r="B1405" s="8" t="s">
        <v>1347</v>
      </c>
    </row>
    <row r="1406" spans="1:2">
      <c r="A1406" s="8">
        <v>2380006</v>
      </c>
      <c r="B1406" s="8" t="s">
        <v>1348</v>
      </c>
    </row>
    <row r="1407" spans="1:2">
      <c r="A1407" s="8">
        <v>2380032</v>
      </c>
      <c r="B1407" s="8" t="s">
        <v>1349</v>
      </c>
    </row>
    <row r="1408" spans="1:2">
      <c r="A1408" s="8">
        <v>2380016</v>
      </c>
      <c r="B1408" s="8" t="s">
        <v>1350</v>
      </c>
    </row>
    <row r="1409" spans="1:2">
      <c r="A1409" s="8">
        <v>2380021</v>
      </c>
      <c r="B1409" s="8" t="s">
        <v>1351</v>
      </c>
    </row>
    <row r="1410" spans="1:2">
      <c r="A1410" s="8">
        <v>2390814</v>
      </c>
      <c r="B1410" s="8" t="s">
        <v>1352</v>
      </c>
    </row>
    <row r="1411" spans="1:2">
      <c r="A1411" s="8">
        <v>2390805</v>
      </c>
      <c r="B1411" s="8" t="s">
        <v>1353</v>
      </c>
    </row>
    <row r="1412" spans="1:2">
      <c r="A1412" s="8">
        <v>2370076</v>
      </c>
      <c r="B1412" s="8" t="s">
        <v>1354</v>
      </c>
    </row>
    <row r="1413" spans="1:2">
      <c r="A1413" s="8">
        <v>2380013</v>
      </c>
      <c r="B1413" s="8" t="s">
        <v>1355</v>
      </c>
    </row>
    <row r="1414" spans="1:2">
      <c r="A1414" s="8">
        <v>2380055</v>
      </c>
      <c r="B1414" s="8" t="s">
        <v>1356</v>
      </c>
    </row>
    <row r="1415" spans="1:2">
      <c r="A1415" s="8">
        <v>2380044</v>
      </c>
      <c r="B1415" s="8" t="s">
        <v>1357</v>
      </c>
    </row>
    <row r="1416" spans="1:2">
      <c r="A1416" s="8">
        <v>2380053</v>
      </c>
      <c r="B1416" s="8" t="s">
        <v>1358</v>
      </c>
    </row>
    <row r="1417" spans="1:2">
      <c r="A1417" s="8">
        <v>2380041</v>
      </c>
      <c r="B1417" s="8" t="s">
        <v>1359</v>
      </c>
    </row>
    <row r="1418" spans="1:2">
      <c r="A1418" s="8">
        <v>2390801</v>
      </c>
      <c r="B1418" s="8" t="s">
        <v>1360</v>
      </c>
    </row>
    <row r="1419" spans="1:2">
      <c r="A1419" s="8">
        <v>2390802</v>
      </c>
      <c r="B1419" s="8" t="s">
        <v>1361</v>
      </c>
    </row>
    <row r="1420" spans="1:2">
      <c r="A1420" s="8">
        <v>2380018</v>
      </c>
      <c r="B1420" s="8" t="s">
        <v>1362</v>
      </c>
    </row>
    <row r="1421" spans="1:2">
      <c r="A1421" s="8">
        <v>2370079</v>
      </c>
      <c r="B1421" s="8" t="s">
        <v>1363</v>
      </c>
    </row>
    <row r="1422" spans="1:2">
      <c r="A1422" s="8">
        <v>2390825</v>
      </c>
      <c r="B1422" s="8" t="s">
        <v>1364</v>
      </c>
    </row>
    <row r="1423" spans="1:2">
      <c r="A1423" s="8">
        <v>2380014</v>
      </c>
      <c r="B1423" s="8" t="s">
        <v>1365</v>
      </c>
    </row>
    <row r="1424" spans="1:2">
      <c r="A1424" s="8">
        <v>2380317</v>
      </c>
      <c r="B1424" s="8" t="s">
        <v>1366</v>
      </c>
    </row>
    <row r="1425" spans="1:2">
      <c r="A1425" s="8">
        <v>2380023</v>
      </c>
      <c r="B1425" s="8" t="s">
        <v>1367</v>
      </c>
    </row>
    <row r="1426" spans="1:2">
      <c r="A1426" s="8">
        <v>2380012</v>
      </c>
      <c r="B1426" s="8" t="s">
        <v>1368</v>
      </c>
    </row>
    <row r="1427" spans="1:2">
      <c r="A1427" s="8">
        <v>2380312</v>
      </c>
      <c r="B1427" s="8" t="s">
        <v>1369</v>
      </c>
    </row>
    <row r="1428" spans="1:2">
      <c r="A1428" s="8">
        <v>2380036</v>
      </c>
      <c r="B1428" s="8" t="s">
        <v>1370</v>
      </c>
    </row>
    <row r="1429" spans="1:2">
      <c r="A1429" s="8">
        <v>2390804</v>
      </c>
      <c r="B1429" s="8" t="s">
        <v>1371</v>
      </c>
    </row>
    <row r="1430" spans="1:2">
      <c r="A1430" s="8">
        <v>2380047</v>
      </c>
      <c r="B1430" s="8" t="s">
        <v>1372</v>
      </c>
    </row>
    <row r="1431" spans="1:2">
      <c r="A1431" s="8">
        <v>2380011</v>
      </c>
      <c r="B1431" s="8" t="s">
        <v>1373</v>
      </c>
    </row>
    <row r="1432" spans="1:2">
      <c r="A1432" s="8">
        <v>2380007</v>
      </c>
      <c r="B1432" s="8" t="s">
        <v>1374</v>
      </c>
    </row>
    <row r="1433" spans="1:2">
      <c r="A1433" s="8">
        <v>2390829</v>
      </c>
      <c r="B1433" s="8" t="s">
        <v>1375</v>
      </c>
    </row>
    <row r="1434" spans="1:2">
      <c r="A1434" s="8">
        <v>2540000</v>
      </c>
      <c r="B1434" s="8" t="s">
        <v>105</v>
      </c>
    </row>
    <row r="1435" spans="1:2">
      <c r="A1435" s="8">
        <v>2540042</v>
      </c>
      <c r="B1435" s="8" t="s">
        <v>1376</v>
      </c>
    </row>
    <row r="1436" spans="1:2">
      <c r="A1436" s="8">
        <v>2540031</v>
      </c>
      <c r="B1436" s="8" t="s">
        <v>1377</v>
      </c>
    </row>
    <row r="1437" spans="1:2">
      <c r="A1437" s="8">
        <v>2591214</v>
      </c>
      <c r="B1437" s="8" t="s">
        <v>1378</v>
      </c>
    </row>
    <row r="1438" spans="1:2">
      <c r="A1438" s="8">
        <v>2540915</v>
      </c>
      <c r="B1438" s="8" t="s">
        <v>1379</v>
      </c>
    </row>
    <row r="1439" spans="1:2">
      <c r="A1439" s="8">
        <v>2591216</v>
      </c>
      <c r="B1439" s="8" t="s">
        <v>1380</v>
      </c>
    </row>
    <row r="1440" spans="1:2">
      <c r="A1440" s="8">
        <v>2591218</v>
      </c>
      <c r="B1440" s="8" t="s">
        <v>1381</v>
      </c>
    </row>
    <row r="1441" spans="1:2">
      <c r="A1441" s="8">
        <v>2540025</v>
      </c>
      <c r="B1441" s="8" t="s">
        <v>1382</v>
      </c>
    </row>
    <row r="1442" spans="1:2">
      <c r="A1442" s="8">
        <v>2540033</v>
      </c>
      <c r="B1442" s="8" t="s">
        <v>1383</v>
      </c>
    </row>
    <row r="1443" spans="1:2">
      <c r="A1443" s="8">
        <v>2540047</v>
      </c>
      <c r="B1443" s="8" t="s">
        <v>1384</v>
      </c>
    </row>
    <row r="1444" spans="1:2">
      <c r="A1444" s="8">
        <v>2540012</v>
      </c>
      <c r="B1444" s="8" t="s">
        <v>1385</v>
      </c>
    </row>
    <row r="1445" spans="1:2">
      <c r="A1445" s="8">
        <v>2540001</v>
      </c>
      <c r="B1445" s="8" t="s">
        <v>1386</v>
      </c>
    </row>
    <row r="1446" spans="1:2">
      <c r="A1446" s="8">
        <v>2540074</v>
      </c>
      <c r="B1446" s="8" t="s">
        <v>1387</v>
      </c>
    </row>
    <row r="1447" spans="1:2">
      <c r="A1447" s="8">
        <v>2591212</v>
      </c>
      <c r="B1447" s="8" t="s">
        <v>1388</v>
      </c>
    </row>
    <row r="1448" spans="1:2">
      <c r="A1448" s="8">
        <v>2591213</v>
      </c>
      <c r="B1448" s="8" t="s">
        <v>1389</v>
      </c>
    </row>
    <row r="1449" spans="1:2">
      <c r="A1449" s="8">
        <v>2591204</v>
      </c>
      <c r="B1449" s="8" t="s">
        <v>1390</v>
      </c>
    </row>
    <row r="1450" spans="1:2">
      <c r="A1450" s="8">
        <v>2540055</v>
      </c>
      <c r="B1450" s="8" t="s">
        <v>1391</v>
      </c>
    </row>
    <row r="1451" spans="1:2">
      <c r="A1451" s="8">
        <v>2591207</v>
      </c>
      <c r="B1451" s="8" t="s">
        <v>1392</v>
      </c>
    </row>
    <row r="1452" spans="1:2">
      <c r="A1452" s="8">
        <v>2540088</v>
      </c>
      <c r="B1452" s="8" t="s">
        <v>1393</v>
      </c>
    </row>
    <row r="1453" spans="1:2">
      <c r="A1453" s="8">
        <v>2540005</v>
      </c>
      <c r="B1453" s="8" t="s">
        <v>1394</v>
      </c>
    </row>
    <row r="1454" spans="1:2">
      <c r="A1454" s="8">
        <v>2540906</v>
      </c>
      <c r="B1454" s="8" t="s">
        <v>1395</v>
      </c>
    </row>
    <row r="1455" spans="1:2">
      <c r="A1455" s="8">
        <v>2540801</v>
      </c>
      <c r="B1455" s="8" t="s">
        <v>1396</v>
      </c>
    </row>
    <row r="1456" spans="1:2">
      <c r="A1456" s="8">
        <v>2540821</v>
      </c>
      <c r="B1456" s="8" t="s">
        <v>1397</v>
      </c>
    </row>
    <row r="1457" spans="1:2">
      <c r="A1457" s="8">
        <v>2540903</v>
      </c>
      <c r="B1457" s="8" t="s">
        <v>1398</v>
      </c>
    </row>
    <row r="1458" spans="1:2">
      <c r="A1458" s="8">
        <v>2540061</v>
      </c>
      <c r="B1458" s="8" t="s">
        <v>1399</v>
      </c>
    </row>
    <row r="1459" spans="1:2">
      <c r="A1459" s="8">
        <v>2540004</v>
      </c>
      <c r="B1459" s="8" t="s">
        <v>1400</v>
      </c>
    </row>
    <row r="1460" spans="1:2">
      <c r="A1460" s="8">
        <v>2540804</v>
      </c>
      <c r="B1460" s="8" t="s">
        <v>1401</v>
      </c>
    </row>
    <row r="1461" spans="1:2">
      <c r="A1461" s="8">
        <v>2540053</v>
      </c>
      <c r="B1461" s="8" t="s">
        <v>1402</v>
      </c>
    </row>
    <row r="1462" spans="1:2">
      <c r="A1462" s="8">
        <v>2591206</v>
      </c>
      <c r="B1462" s="8" t="s">
        <v>1403</v>
      </c>
    </row>
    <row r="1463" spans="1:2">
      <c r="A1463" s="8">
        <v>2540014</v>
      </c>
      <c r="B1463" s="8" t="s">
        <v>1404</v>
      </c>
    </row>
    <row r="1464" spans="1:2">
      <c r="A1464" s="8">
        <v>2591203</v>
      </c>
      <c r="B1464" s="8" t="s">
        <v>1405</v>
      </c>
    </row>
    <row r="1465" spans="1:2">
      <c r="A1465" s="8">
        <v>2540003</v>
      </c>
      <c r="B1465" s="8" t="s">
        <v>1406</v>
      </c>
    </row>
    <row r="1466" spans="1:2">
      <c r="A1466" s="8">
        <v>2540076</v>
      </c>
      <c r="B1466" s="8" t="s">
        <v>1407</v>
      </c>
    </row>
    <row r="1467" spans="1:2">
      <c r="A1467" s="8">
        <v>2540022</v>
      </c>
      <c r="B1467" s="8" t="s">
        <v>1408</v>
      </c>
    </row>
    <row r="1468" spans="1:2">
      <c r="A1468" s="8">
        <v>2540822</v>
      </c>
      <c r="B1468" s="8" t="s">
        <v>1409</v>
      </c>
    </row>
    <row r="1469" spans="1:2">
      <c r="A1469" s="8">
        <v>2540063</v>
      </c>
      <c r="B1469" s="8" t="s">
        <v>1410</v>
      </c>
    </row>
    <row r="1470" spans="1:2">
      <c r="A1470" s="8">
        <v>2540041</v>
      </c>
      <c r="B1470" s="8" t="s">
        <v>1411</v>
      </c>
    </row>
    <row r="1471" spans="1:2">
      <c r="A1471" s="8">
        <v>2540803</v>
      </c>
      <c r="B1471" s="8" t="s">
        <v>1412</v>
      </c>
    </row>
    <row r="1472" spans="1:2">
      <c r="A1472" s="8">
        <v>2591202</v>
      </c>
      <c r="B1472" s="8" t="s">
        <v>1413</v>
      </c>
    </row>
    <row r="1473" spans="1:2">
      <c r="A1473" s="8">
        <v>2540813</v>
      </c>
      <c r="B1473" s="8" t="s">
        <v>1414</v>
      </c>
    </row>
    <row r="1474" spans="1:2">
      <c r="A1474" s="8">
        <v>2540807</v>
      </c>
      <c r="B1474" s="8" t="s">
        <v>1415</v>
      </c>
    </row>
    <row r="1475" spans="1:2">
      <c r="A1475" s="8">
        <v>2540912</v>
      </c>
      <c r="B1475" s="8" t="s">
        <v>1416</v>
      </c>
    </row>
    <row r="1476" spans="1:2">
      <c r="A1476" s="8">
        <v>2540805</v>
      </c>
      <c r="B1476" s="8" t="s">
        <v>1417</v>
      </c>
    </row>
    <row r="1477" spans="1:2">
      <c r="A1477" s="8">
        <v>2540914</v>
      </c>
      <c r="B1477" s="8" t="s">
        <v>1418</v>
      </c>
    </row>
    <row r="1478" spans="1:2">
      <c r="A1478" s="8">
        <v>2540034</v>
      </c>
      <c r="B1478" s="8" t="s">
        <v>1419</v>
      </c>
    </row>
    <row r="1479" spans="1:2">
      <c r="A1479" s="8">
        <v>2540046</v>
      </c>
      <c r="B1479" s="8" t="s">
        <v>1420</v>
      </c>
    </row>
    <row r="1480" spans="1:2">
      <c r="A1480" s="8">
        <v>2540013</v>
      </c>
      <c r="B1480" s="8" t="s">
        <v>1421</v>
      </c>
    </row>
    <row r="1481" spans="1:2">
      <c r="A1481" s="8">
        <v>2540064</v>
      </c>
      <c r="B1481" s="8" t="s">
        <v>1422</v>
      </c>
    </row>
    <row r="1482" spans="1:2">
      <c r="A1482" s="8">
        <v>2591205</v>
      </c>
      <c r="B1482" s="8" t="s">
        <v>1423</v>
      </c>
    </row>
    <row r="1483" spans="1:2">
      <c r="A1483" s="8">
        <v>2540027</v>
      </c>
      <c r="B1483" s="8" t="s">
        <v>1424</v>
      </c>
    </row>
    <row r="1484" spans="1:2">
      <c r="A1484" s="8">
        <v>2591215</v>
      </c>
      <c r="B1484" s="8" t="s">
        <v>1425</v>
      </c>
    </row>
    <row r="1485" spans="1:2">
      <c r="A1485" s="8">
        <v>2540826</v>
      </c>
      <c r="B1485" s="8" t="s">
        <v>1426</v>
      </c>
    </row>
    <row r="1486" spans="1:2">
      <c r="A1486" s="8">
        <v>2540902</v>
      </c>
      <c r="B1486" s="8" t="s">
        <v>1427</v>
      </c>
    </row>
    <row r="1487" spans="1:2">
      <c r="A1487" s="8">
        <v>2540081</v>
      </c>
      <c r="B1487" s="8" t="s">
        <v>1428</v>
      </c>
    </row>
    <row r="1488" spans="1:2">
      <c r="A1488" s="8">
        <v>2540083</v>
      </c>
      <c r="B1488" s="8" t="s">
        <v>1429</v>
      </c>
    </row>
    <row r="1489" spans="1:2">
      <c r="A1489" s="8">
        <v>2540086</v>
      </c>
      <c r="B1489" s="8" t="s">
        <v>1430</v>
      </c>
    </row>
    <row r="1490" spans="1:2">
      <c r="A1490" s="8">
        <v>2540087</v>
      </c>
      <c r="B1490" s="8" t="s">
        <v>1431</v>
      </c>
    </row>
    <row r="1491" spans="1:2">
      <c r="A1491" s="8">
        <v>2540085</v>
      </c>
      <c r="B1491" s="8" t="s">
        <v>1432</v>
      </c>
    </row>
    <row r="1492" spans="1:2">
      <c r="A1492" s="8">
        <v>2540051</v>
      </c>
      <c r="B1492" s="8" t="s">
        <v>1433</v>
      </c>
    </row>
    <row r="1493" spans="1:2">
      <c r="A1493" s="8">
        <v>2540054</v>
      </c>
      <c r="B1493" s="8" t="s">
        <v>1434</v>
      </c>
    </row>
    <row r="1494" spans="1:2">
      <c r="A1494" s="8">
        <v>2540026</v>
      </c>
      <c r="B1494" s="8" t="s">
        <v>1435</v>
      </c>
    </row>
    <row r="1495" spans="1:2">
      <c r="A1495" s="8">
        <v>2540075</v>
      </c>
      <c r="B1495" s="8" t="s">
        <v>1436</v>
      </c>
    </row>
    <row r="1496" spans="1:2">
      <c r="A1496" s="8">
        <v>2540071</v>
      </c>
      <c r="B1496" s="8" t="s">
        <v>1437</v>
      </c>
    </row>
    <row r="1497" spans="1:2">
      <c r="A1497" s="8">
        <v>2540072</v>
      </c>
      <c r="B1497" s="8" t="s">
        <v>1438</v>
      </c>
    </row>
    <row r="1498" spans="1:2">
      <c r="A1498" s="8">
        <v>2540021</v>
      </c>
      <c r="B1498" s="8" t="s">
        <v>1439</v>
      </c>
    </row>
    <row r="1499" spans="1:2">
      <c r="A1499" s="8">
        <v>2591217</v>
      </c>
      <c r="B1499" s="8" t="s">
        <v>1440</v>
      </c>
    </row>
    <row r="1500" spans="1:2">
      <c r="A1500" s="8">
        <v>2540825</v>
      </c>
      <c r="B1500" s="8" t="s">
        <v>1441</v>
      </c>
    </row>
    <row r="1501" spans="1:2">
      <c r="A1501" s="8">
        <v>2540044</v>
      </c>
      <c r="B1501" s="8" t="s">
        <v>1442</v>
      </c>
    </row>
    <row r="1502" spans="1:2">
      <c r="A1502" s="8">
        <v>2540019</v>
      </c>
      <c r="B1502" s="8" t="s">
        <v>1443</v>
      </c>
    </row>
    <row r="1503" spans="1:2">
      <c r="A1503" s="8">
        <v>2540073</v>
      </c>
      <c r="B1503" s="8" t="s">
        <v>1444</v>
      </c>
    </row>
    <row r="1504" spans="1:2">
      <c r="A1504" s="8">
        <v>2540823</v>
      </c>
      <c r="B1504" s="8" t="s">
        <v>1445</v>
      </c>
    </row>
    <row r="1505" spans="1:2">
      <c r="A1505" s="8">
        <v>2540904</v>
      </c>
      <c r="B1505" s="8" t="s">
        <v>1446</v>
      </c>
    </row>
    <row r="1506" spans="1:2">
      <c r="A1506" s="8">
        <v>2540824</v>
      </c>
      <c r="B1506" s="8" t="s">
        <v>1447</v>
      </c>
    </row>
    <row r="1507" spans="1:2">
      <c r="A1507" s="8">
        <v>2540023</v>
      </c>
      <c r="B1507" s="8" t="s">
        <v>1448</v>
      </c>
    </row>
    <row r="1508" spans="1:2">
      <c r="A1508" s="8">
        <v>2540024</v>
      </c>
      <c r="B1508" s="8" t="s">
        <v>1449</v>
      </c>
    </row>
    <row r="1509" spans="1:2">
      <c r="A1509" s="8">
        <v>2540018</v>
      </c>
      <c r="B1509" s="8" t="s">
        <v>1450</v>
      </c>
    </row>
    <row r="1510" spans="1:2">
      <c r="A1510" s="8">
        <v>2540082</v>
      </c>
      <c r="B1510" s="8" t="s">
        <v>1451</v>
      </c>
    </row>
    <row r="1511" spans="1:2">
      <c r="A1511" s="8">
        <v>2540077</v>
      </c>
      <c r="B1511" s="8" t="s">
        <v>1452</v>
      </c>
    </row>
    <row r="1512" spans="1:2">
      <c r="A1512" s="8">
        <v>2540016</v>
      </c>
      <c r="B1512" s="8" t="s">
        <v>1453</v>
      </c>
    </row>
    <row r="1513" spans="1:2">
      <c r="A1513" s="8">
        <v>2540905</v>
      </c>
      <c r="B1513" s="8" t="s">
        <v>1454</v>
      </c>
    </row>
    <row r="1514" spans="1:2">
      <c r="A1514" s="8">
        <v>2540052</v>
      </c>
      <c r="B1514" s="8" t="s">
        <v>1455</v>
      </c>
    </row>
    <row r="1515" spans="1:2">
      <c r="A1515" s="8">
        <v>2591219</v>
      </c>
      <c r="B1515" s="8" t="s">
        <v>1456</v>
      </c>
    </row>
    <row r="1516" spans="1:2">
      <c r="A1516" s="8">
        <v>2540062</v>
      </c>
      <c r="B1516" s="8" t="s">
        <v>1457</v>
      </c>
    </row>
    <row r="1517" spans="1:2">
      <c r="A1517" s="8">
        <v>2591211</v>
      </c>
      <c r="B1517" s="8" t="s">
        <v>1458</v>
      </c>
    </row>
    <row r="1518" spans="1:2">
      <c r="A1518" s="8">
        <v>2540802</v>
      </c>
      <c r="B1518" s="8" t="s">
        <v>1459</v>
      </c>
    </row>
    <row r="1519" spans="1:2">
      <c r="A1519" s="8">
        <v>2540043</v>
      </c>
      <c r="B1519" s="8" t="s">
        <v>1460</v>
      </c>
    </row>
    <row r="1520" spans="1:2">
      <c r="A1520" s="8">
        <v>2540812</v>
      </c>
      <c r="B1520" s="8" t="s">
        <v>1461</v>
      </c>
    </row>
    <row r="1521" spans="1:2">
      <c r="A1521" s="8">
        <v>2540901</v>
      </c>
      <c r="B1521" s="8" t="s">
        <v>1462</v>
      </c>
    </row>
    <row r="1522" spans="1:2">
      <c r="A1522" s="8">
        <v>2540913</v>
      </c>
      <c r="B1522" s="8" t="s">
        <v>1463</v>
      </c>
    </row>
    <row r="1523" spans="1:2">
      <c r="A1523" s="8">
        <v>2540045</v>
      </c>
      <c r="B1523" s="8" t="s">
        <v>1464</v>
      </c>
    </row>
    <row r="1524" spans="1:2">
      <c r="A1524" s="8">
        <v>2591201</v>
      </c>
      <c r="B1524" s="8" t="s">
        <v>1465</v>
      </c>
    </row>
    <row r="1525" spans="1:2">
      <c r="A1525" s="8">
        <v>2540084</v>
      </c>
      <c r="B1525" s="8" t="s">
        <v>1466</v>
      </c>
    </row>
    <row r="1526" spans="1:2">
      <c r="A1526" s="8">
        <v>2540065</v>
      </c>
      <c r="B1526" s="8" t="s">
        <v>1467</v>
      </c>
    </row>
    <row r="1527" spans="1:2">
      <c r="A1527" s="8">
        <v>2540035</v>
      </c>
      <c r="B1527" s="8" t="s">
        <v>1468</v>
      </c>
    </row>
    <row r="1528" spans="1:2">
      <c r="A1528" s="8">
        <v>2540036</v>
      </c>
      <c r="B1528" s="8" t="s">
        <v>1469</v>
      </c>
    </row>
    <row r="1529" spans="1:2">
      <c r="A1529" s="8">
        <v>2591220</v>
      </c>
      <c r="B1529" s="8" t="s">
        <v>1470</v>
      </c>
    </row>
    <row r="1530" spans="1:2">
      <c r="A1530" s="8">
        <v>2540815</v>
      </c>
      <c r="B1530" s="8" t="s">
        <v>1471</v>
      </c>
    </row>
    <row r="1531" spans="1:2">
      <c r="A1531" s="8">
        <v>2540811</v>
      </c>
      <c r="B1531" s="8" t="s">
        <v>1472</v>
      </c>
    </row>
    <row r="1532" spans="1:2">
      <c r="A1532" s="8">
        <v>2540032</v>
      </c>
      <c r="B1532" s="8" t="s">
        <v>1473</v>
      </c>
    </row>
    <row r="1533" spans="1:2">
      <c r="A1533" s="8">
        <v>2540911</v>
      </c>
      <c r="B1533" s="8" t="s">
        <v>1474</v>
      </c>
    </row>
    <row r="1534" spans="1:2">
      <c r="A1534" s="8">
        <v>2540015</v>
      </c>
      <c r="B1534" s="8" t="s">
        <v>1475</v>
      </c>
    </row>
    <row r="1535" spans="1:2">
      <c r="A1535" s="8">
        <v>2540806</v>
      </c>
      <c r="B1535" s="8" t="s">
        <v>1476</v>
      </c>
    </row>
    <row r="1536" spans="1:2">
      <c r="A1536" s="8">
        <v>2540002</v>
      </c>
      <c r="B1536" s="8" t="s">
        <v>1477</v>
      </c>
    </row>
    <row r="1537" spans="1:2">
      <c r="A1537" s="8">
        <v>2540011</v>
      </c>
      <c r="B1537" s="8" t="s">
        <v>1478</v>
      </c>
    </row>
    <row r="1538" spans="1:2">
      <c r="A1538" s="8">
        <v>2540814</v>
      </c>
      <c r="B1538" s="8" t="s">
        <v>1479</v>
      </c>
    </row>
    <row r="1539" spans="1:2">
      <c r="A1539" s="8">
        <v>2480000</v>
      </c>
      <c r="B1539" s="8" t="s">
        <v>106</v>
      </c>
    </row>
    <row r="1540" spans="1:2">
      <c r="A1540" s="8">
        <v>2480024</v>
      </c>
      <c r="B1540" s="8" t="s">
        <v>1480</v>
      </c>
    </row>
    <row r="1541" spans="1:2">
      <c r="A1541" s="8">
        <v>2470052</v>
      </c>
      <c r="B1541" s="8" t="s">
        <v>1481</v>
      </c>
    </row>
    <row r="1542" spans="1:2">
      <c r="A1542" s="8">
        <v>2470053</v>
      </c>
      <c r="B1542" s="8" t="s">
        <v>1482</v>
      </c>
    </row>
    <row r="1543" spans="1:2">
      <c r="A1543" s="8">
        <v>2470051</v>
      </c>
      <c r="B1543" s="8" t="s">
        <v>1483</v>
      </c>
    </row>
    <row r="1544" spans="1:2">
      <c r="A1544" s="8">
        <v>2470073</v>
      </c>
      <c r="B1544" s="8" t="s">
        <v>1484</v>
      </c>
    </row>
    <row r="1545" spans="1:2">
      <c r="A1545" s="8">
        <v>2480011</v>
      </c>
      <c r="B1545" s="8" t="s">
        <v>1485</v>
      </c>
    </row>
    <row r="1546" spans="1:2">
      <c r="A1546" s="8">
        <v>2470056</v>
      </c>
      <c r="B1546" s="8" t="s">
        <v>1486</v>
      </c>
    </row>
    <row r="1547" spans="1:2">
      <c r="A1547" s="8">
        <v>2480007</v>
      </c>
      <c r="B1547" s="8" t="s">
        <v>1487</v>
      </c>
    </row>
    <row r="1548" spans="1:2">
      <c r="A1548" s="8">
        <v>2470072</v>
      </c>
      <c r="B1548" s="8" t="s">
        <v>1488</v>
      </c>
    </row>
    <row r="1549" spans="1:2">
      <c r="A1549" s="8">
        <v>2480012</v>
      </c>
      <c r="B1549" s="8" t="s">
        <v>1489</v>
      </c>
    </row>
    <row r="1550" spans="1:2">
      <c r="A1550" s="8">
        <v>2470063</v>
      </c>
      <c r="B1550" s="8" t="s">
        <v>1490</v>
      </c>
    </row>
    <row r="1551" spans="1:2">
      <c r="A1551" s="8">
        <v>2480031</v>
      </c>
      <c r="B1551" s="13" t="s">
        <v>1491</v>
      </c>
    </row>
    <row r="1552" spans="1:2">
      <c r="A1552" s="8">
        <v>2470065</v>
      </c>
      <c r="B1552" s="8" t="s">
        <v>1492</v>
      </c>
    </row>
    <row r="1553" spans="1:2">
      <c r="A1553" s="8">
        <v>2480023</v>
      </c>
      <c r="B1553" s="8" t="s">
        <v>1493</v>
      </c>
    </row>
    <row r="1554" spans="1:2">
      <c r="A1554" s="8">
        <v>2480033</v>
      </c>
      <c r="B1554" s="8" t="s">
        <v>1494</v>
      </c>
    </row>
    <row r="1555" spans="1:2">
      <c r="A1555" s="8">
        <v>2470055</v>
      </c>
      <c r="B1555" s="8" t="s">
        <v>1495</v>
      </c>
    </row>
    <row r="1556" spans="1:2">
      <c r="A1556" s="8">
        <v>2480006</v>
      </c>
      <c r="B1556" s="8" t="s">
        <v>1496</v>
      </c>
    </row>
    <row r="1557" spans="1:2">
      <c r="A1557" s="8">
        <v>2480013</v>
      </c>
      <c r="B1557" s="8" t="s">
        <v>1497</v>
      </c>
    </row>
    <row r="1558" spans="1:2">
      <c r="A1558" s="8">
        <v>2480021</v>
      </c>
      <c r="B1558" s="8" t="s">
        <v>1498</v>
      </c>
    </row>
    <row r="1559" spans="1:2">
      <c r="A1559" s="8">
        <v>2480015</v>
      </c>
      <c r="B1559" s="8" t="s">
        <v>1499</v>
      </c>
    </row>
    <row r="1560" spans="1:2">
      <c r="A1560" s="8">
        <v>2480017</v>
      </c>
      <c r="B1560" s="8" t="s">
        <v>1500</v>
      </c>
    </row>
    <row r="1561" spans="1:2">
      <c r="A1561" s="8">
        <v>2480026</v>
      </c>
      <c r="B1561" s="8" t="s">
        <v>1501</v>
      </c>
    </row>
    <row r="1562" spans="1:2">
      <c r="A1562" s="8">
        <v>2480025</v>
      </c>
      <c r="B1562" s="8" t="s">
        <v>1502</v>
      </c>
    </row>
    <row r="1563" spans="1:2">
      <c r="A1563" s="8">
        <v>2480001</v>
      </c>
      <c r="B1563" s="8" t="s">
        <v>1503</v>
      </c>
    </row>
    <row r="1564" spans="1:2">
      <c r="A1564" s="8">
        <v>2480003</v>
      </c>
      <c r="B1564" s="8" t="s">
        <v>1504</v>
      </c>
    </row>
    <row r="1565" spans="1:2">
      <c r="A1565" s="8">
        <v>2470074</v>
      </c>
      <c r="B1565" s="8" t="s">
        <v>1505</v>
      </c>
    </row>
    <row r="1566" spans="1:2">
      <c r="A1566" s="8">
        <v>2470075</v>
      </c>
      <c r="B1566" s="8" t="s">
        <v>1506</v>
      </c>
    </row>
    <row r="1567" spans="1:2">
      <c r="A1567" s="8">
        <v>2470061</v>
      </c>
      <c r="B1567" s="8" t="s">
        <v>1507</v>
      </c>
    </row>
    <row r="1568" spans="1:2">
      <c r="A1568" s="8">
        <v>2470054</v>
      </c>
      <c r="B1568" s="8" t="s">
        <v>1508</v>
      </c>
    </row>
    <row r="1569" spans="1:2">
      <c r="A1569" s="8">
        <v>2470071</v>
      </c>
      <c r="B1569" s="8" t="s">
        <v>1509</v>
      </c>
    </row>
    <row r="1570" spans="1:2">
      <c r="A1570" s="8">
        <v>2480032</v>
      </c>
      <c r="B1570" s="8" t="s">
        <v>1510</v>
      </c>
    </row>
    <row r="1571" spans="1:2">
      <c r="A1571" s="8">
        <v>2480034</v>
      </c>
      <c r="B1571" s="8" t="s">
        <v>1511</v>
      </c>
    </row>
    <row r="1572" spans="1:2">
      <c r="A1572" s="8">
        <v>2480036</v>
      </c>
      <c r="B1572" s="8" t="s">
        <v>1512</v>
      </c>
    </row>
    <row r="1573" spans="1:2">
      <c r="A1573" s="8">
        <v>2470064</v>
      </c>
      <c r="B1573" s="8" t="s">
        <v>1513</v>
      </c>
    </row>
    <row r="1574" spans="1:2">
      <c r="A1574" s="8">
        <v>2480022</v>
      </c>
      <c r="B1574" s="8" t="s">
        <v>1514</v>
      </c>
    </row>
    <row r="1575" spans="1:2">
      <c r="A1575" s="8">
        <v>2480002</v>
      </c>
      <c r="B1575" s="8" t="s">
        <v>1515</v>
      </c>
    </row>
    <row r="1576" spans="1:2">
      <c r="A1576" s="8">
        <v>2480035</v>
      </c>
      <c r="B1576" s="8" t="s">
        <v>1516</v>
      </c>
    </row>
    <row r="1577" spans="1:2">
      <c r="A1577" s="8">
        <v>2480004</v>
      </c>
      <c r="B1577" s="8" t="s">
        <v>1517</v>
      </c>
    </row>
    <row r="1578" spans="1:2">
      <c r="A1578" s="8">
        <v>2480016</v>
      </c>
      <c r="B1578" s="8" t="s">
        <v>1518</v>
      </c>
    </row>
    <row r="1579" spans="1:2">
      <c r="A1579" s="8">
        <v>2480027</v>
      </c>
      <c r="B1579" s="8" t="s">
        <v>1519</v>
      </c>
    </row>
    <row r="1580" spans="1:2">
      <c r="A1580" s="8">
        <v>2470066</v>
      </c>
      <c r="B1580" s="8" t="s">
        <v>1520</v>
      </c>
    </row>
    <row r="1581" spans="1:2">
      <c r="A1581" s="8">
        <v>2470062</v>
      </c>
      <c r="B1581" s="8" t="s">
        <v>1521</v>
      </c>
    </row>
    <row r="1582" spans="1:2">
      <c r="A1582" s="8">
        <v>2480014</v>
      </c>
      <c r="B1582" s="8" t="s">
        <v>1522</v>
      </c>
    </row>
    <row r="1583" spans="1:2">
      <c r="A1583" s="8">
        <v>2480005</v>
      </c>
      <c r="B1583" s="8" t="s">
        <v>1523</v>
      </c>
    </row>
    <row r="1584" spans="1:2">
      <c r="A1584" s="8">
        <v>2510000</v>
      </c>
      <c r="B1584" s="8" t="s">
        <v>107</v>
      </c>
    </row>
    <row r="1585" spans="1:2">
      <c r="A1585" s="8">
        <v>2510054</v>
      </c>
      <c r="B1585" s="8" t="s">
        <v>1524</v>
      </c>
    </row>
    <row r="1586" spans="1:2">
      <c r="A1586" s="8">
        <v>2520815</v>
      </c>
      <c r="B1586" s="8" t="s">
        <v>1525</v>
      </c>
    </row>
    <row r="1587" spans="1:2">
      <c r="A1587" s="8">
        <v>2510862</v>
      </c>
      <c r="B1587" s="8" t="s">
        <v>1526</v>
      </c>
    </row>
    <row r="1588" spans="1:2">
      <c r="A1588" s="8">
        <v>2520803</v>
      </c>
      <c r="B1588" s="8" t="s">
        <v>1527</v>
      </c>
    </row>
    <row r="1589" spans="1:2">
      <c r="A1589" s="8">
        <v>2520824</v>
      </c>
      <c r="B1589" s="8" t="s">
        <v>1528</v>
      </c>
    </row>
    <row r="1590" spans="1:2">
      <c r="A1590" s="8">
        <v>2510036</v>
      </c>
      <c r="B1590" s="8" t="s">
        <v>1529</v>
      </c>
    </row>
    <row r="1591" spans="1:2">
      <c r="A1591" s="8">
        <v>2520805</v>
      </c>
      <c r="B1591" s="8" t="s">
        <v>1530</v>
      </c>
    </row>
    <row r="1592" spans="1:2">
      <c r="A1592" s="8">
        <v>2520816</v>
      </c>
      <c r="B1592" s="8" t="s">
        <v>1531</v>
      </c>
    </row>
    <row r="1593" spans="1:2">
      <c r="A1593" s="8">
        <v>2510861</v>
      </c>
      <c r="B1593" s="8" t="s">
        <v>1532</v>
      </c>
    </row>
    <row r="1594" spans="1:2">
      <c r="A1594" s="8">
        <v>2520825</v>
      </c>
      <c r="B1594" s="8" t="s">
        <v>1533</v>
      </c>
    </row>
    <row r="1595" spans="1:2">
      <c r="A1595" s="8">
        <v>2510032</v>
      </c>
      <c r="B1595" s="8" t="s">
        <v>1534</v>
      </c>
    </row>
    <row r="1596" spans="1:2">
      <c r="A1596" s="8">
        <v>2510035</v>
      </c>
      <c r="B1596" s="8" t="s">
        <v>1535</v>
      </c>
    </row>
    <row r="1597" spans="1:2">
      <c r="A1597" s="8">
        <v>2510034</v>
      </c>
      <c r="B1597" s="8" t="s">
        <v>1536</v>
      </c>
    </row>
    <row r="1598" spans="1:2">
      <c r="A1598" s="8">
        <v>2510033</v>
      </c>
      <c r="B1598" s="8" t="s">
        <v>1537</v>
      </c>
    </row>
    <row r="1599" spans="1:2">
      <c r="A1599" s="8">
        <v>2520813</v>
      </c>
      <c r="B1599" s="8" t="s">
        <v>1538</v>
      </c>
    </row>
    <row r="1600" spans="1:2">
      <c r="A1600" s="8">
        <v>2510003</v>
      </c>
      <c r="B1600" s="8" t="s">
        <v>1539</v>
      </c>
    </row>
    <row r="1601" spans="1:2">
      <c r="A1601" s="8">
        <v>2510015</v>
      </c>
      <c r="B1601" s="8" t="s">
        <v>1540</v>
      </c>
    </row>
    <row r="1602" spans="1:2">
      <c r="A1602" s="8">
        <v>2520811</v>
      </c>
      <c r="B1602" s="8" t="s">
        <v>1541</v>
      </c>
    </row>
    <row r="1603" spans="1:2">
      <c r="A1603" s="8">
        <v>2510022</v>
      </c>
      <c r="B1603" s="8" t="s">
        <v>1542</v>
      </c>
    </row>
    <row r="1604" spans="1:2">
      <c r="A1604" s="8">
        <v>2510025</v>
      </c>
      <c r="B1604" s="8" t="s">
        <v>1543</v>
      </c>
    </row>
    <row r="1605" spans="1:2">
      <c r="A1605" s="8">
        <v>2510037</v>
      </c>
      <c r="B1605" s="8" t="s">
        <v>1544</v>
      </c>
    </row>
    <row r="1606" spans="1:2">
      <c r="A1606" s="8">
        <v>2510027</v>
      </c>
      <c r="B1606" s="8" t="s">
        <v>1545</v>
      </c>
    </row>
    <row r="1607" spans="1:2">
      <c r="A1607" s="8">
        <v>2510021</v>
      </c>
      <c r="B1607" s="8" t="s">
        <v>1546</v>
      </c>
    </row>
    <row r="1608" spans="1:2">
      <c r="A1608" s="8">
        <v>2510024</v>
      </c>
      <c r="B1608" s="8" t="s">
        <v>1547</v>
      </c>
    </row>
    <row r="1609" spans="1:2">
      <c r="A1609" s="8">
        <v>2510023</v>
      </c>
      <c r="B1609" s="8" t="s">
        <v>1548</v>
      </c>
    </row>
    <row r="1610" spans="1:2">
      <c r="A1610" s="8">
        <v>2510031</v>
      </c>
      <c r="B1610" s="8" t="s">
        <v>1549</v>
      </c>
    </row>
    <row r="1611" spans="1:2">
      <c r="A1611" s="8">
        <v>2510038</v>
      </c>
      <c r="B1611" s="8" t="s">
        <v>1550</v>
      </c>
    </row>
    <row r="1612" spans="1:2">
      <c r="A1612" s="8">
        <v>2510026</v>
      </c>
      <c r="B1612" s="8" t="s">
        <v>1551</v>
      </c>
    </row>
    <row r="1613" spans="1:2">
      <c r="A1613" s="8">
        <v>2520822</v>
      </c>
      <c r="B1613" s="8" t="s">
        <v>1552</v>
      </c>
    </row>
    <row r="1614" spans="1:2">
      <c r="A1614" s="8">
        <v>2510013</v>
      </c>
      <c r="B1614" s="8" t="s">
        <v>1553</v>
      </c>
    </row>
    <row r="1615" spans="1:2">
      <c r="A1615" s="8">
        <v>2520807</v>
      </c>
      <c r="B1615" s="8" t="s">
        <v>1554</v>
      </c>
    </row>
    <row r="1616" spans="1:2">
      <c r="A1616" s="8">
        <v>2510057</v>
      </c>
      <c r="B1616" s="8" t="s">
        <v>1555</v>
      </c>
    </row>
    <row r="1617" spans="1:2">
      <c r="A1617" s="8">
        <v>2520804</v>
      </c>
      <c r="B1617" s="8" t="s">
        <v>1556</v>
      </c>
    </row>
    <row r="1618" spans="1:2">
      <c r="A1618" s="8">
        <v>2520823</v>
      </c>
      <c r="B1618" s="8" t="s">
        <v>1557</v>
      </c>
    </row>
    <row r="1619" spans="1:2">
      <c r="A1619" s="8">
        <v>2510051</v>
      </c>
      <c r="B1619" s="8" t="s">
        <v>1558</v>
      </c>
    </row>
    <row r="1620" spans="1:2">
      <c r="A1620" s="8">
        <v>2510871</v>
      </c>
      <c r="B1620" s="8" t="s">
        <v>1559</v>
      </c>
    </row>
    <row r="1621" spans="1:2">
      <c r="A1621" s="8">
        <v>2510876</v>
      </c>
      <c r="B1621" s="8" t="s">
        <v>1560</v>
      </c>
    </row>
    <row r="1622" spans="1:2">
      <c r="A1622" s="8">
        <v>2510877</v>
      </c>
      <c r="B1622" s="8" t="s">
        <v>1561</v>
      </c>
    </row>
    <row r="1623" spans="1:2">
      <c r="A1623" s="8">
        <v>2510002</v>
      </c>
      <c r="B1623" s="8" t="s">
        <v>1562</v>
      </c>
    </row>
    <row r="1624" spans="1:2">
      <c r="A1624" s="8">
        <v>2520802</v>
      </c>
      <c r="B1624" s="8" t="s">
        <v>1563</v>
      </c>
    </row>
    <row r="1625" spans="1:2">
      <c r="A1625" s="8">
        <v>2510017</v>
      </c>
      <c r="B1625" s="8" t="s">
        <v>1564</v>
      </c>
    </row>
    <row r="1626" spans="1:2">
      <c r="A1626" s="8">
        <v>2510872</v>
      </c>
      <c r="B1626" s="8" t="s">
        <v>1565</v>
      </c>
    </row>
    <row r="1627" spans="1:2">
      <c r="A1627" s="8">
        <v>2520801</v>
      </c>
      <c r="B1627" s="8" t="s">
        <v>1566</v>
      </c>
    </row>
    <row r="1628" spans="1:2">
      <c r="A1628" s="8">
        <v>2510047</v>
      </c>
      <c r="B1628" s="8" t="s">
        <v>1567</v>
      </c>
    </row>
    <row r="1629" spans="1:2">
      <c r="A1629" s="8">
        <v>2510041</v>
      </c>
      <c r="B1629" s="8" t="s">
        <v>1568</v>
      </c>
    </row>
    <row r="1630" spans="1:2">
      <c r="A1630" s="8">
        <v>2510042</v>
      </c>
      <c r="B1630" s="8" t="s">
        <v>1569</v>
      </c>
    </row>
    <row r="1631" spans="1:2">
      <c r="A1631" s="8">
        <v>2510044</v>
      </c>
      <c r="B1631" s="8" t="s">
        <v>1570</v>
      </c>
    </row>
    <row r="1632" spans="1:2">
      <c r="A1632" s="8">
        <v>2510045</v>
      </c>
      <c r="B1632" s="8" t="s">
        <v>1571</v>
      </c>
    </row>
    <row r="1633" spans="1:2">
      <c r="A1633" s="8">
        <v>2510046</v>
      </c>
      <c r="B1633" s="8" t="s">
        <v>1572</v>
      </c>
    </row>
    <row r="1634" spans="1:2">
      <c r="A1634" s="8">
        <v>2510043</v>
      </c>
      <c r="B1634" s="8" t="s">
        <v>1573</v>
      </c>
    </row>
    <row r="1635" spans="1:2">
      <c r="A1635" s="8">
        <v>2520806</v>
      </c>
      <c r="B1635" s="8" t="s">
        <v>1574</v>
      </c>
    </row>
    <row r="1636" spans="1:2">
      <c r="A1636" s="8">
        <v>2520814</v>
      </c>
      <c r="B1636" s="8" t="s">
        <v>1575</v>
      </c>
    </row>
    <row r="1637" spans="1:2">
      <c r="A1637" s="8">
        <v>2510005</v>
      </c>
      <c r="B1637" s="8" t="s">
        <v>1576</v>
      </c>
    </row>
    <row r="1638" spans="1:2">
      <c r="A1638" s="8">
        <v>2510001</v>
      </c>
      <c r="B1638" s="8" t="s">
        <v>1577</v>
      </c>
    </row>
    <row r="1639" spans="1:2">
      <c r="A1639" s="8">
        <v>2520812</v>
      </c>
      <c r="B1639" s="8" t="s">
        <v>1578</v>
      </c>
    </row>
    <row r="1640" spans="1:2">
      <c r="A1640" s="8">
        <v>2510056</v>
      </c>
      <c r="B1640" s="8" t="s">
        <v>1579</v>
      </c>
    </row>
    <row r="1641" spans="1:2">
      <c r="A1641" s="8">
        <v>2510874</v>
      </c>
      <c r="B1641" s="8" t="s">
        <v>1580</v>
      </c>
    </row>
    <row r="1642" spans="1:2">
      <c r="A1642" s="8">
        <v>2510004</v>
      </c>
      <c r="B1642" s="8" t="s">
        <v>1581</v>
      </c>
    </row>
    <row r="1643" spans="1:2">
      <c r="A1643" s="8">
        <v>2510052</v>
      </c>
      <c r="B1643" s="8" t="s">
        <v>1582</v>
      </c>
    </row>
    <row r="1644" spans="1:2">
      <c r="A1644" s="8">
        <v>2510028</v>
      </c>
      <c r="B1644" s="8" t="s">
        <v>1583</v>
      </c>
    </row>
    <row r="1645" spans="1:2">
      <c r="A1645" s="8">
        <v>2510053</v>
      </c>
      <c r="B1645" s="8" t="s">
        <v>1584</v>
      </c>
    </row>
    <row r="1646" spans="1:2">
      <c r="A1646" s="8">
        <v>2510875</v>
      </c>
      <c r="B1646" s="8" t="s">
        <v>1585</v>
      </c>
    </row>
    <row r="1647" spans="1:2">
      <c r="A1647" s="8">
        <v>2510873</v>
      </c>
      <c r="B1647" s="8" t="s">
        <v>1586</v>
      </c>
    </row>
    <row r="1648" spans="1:2">
      <c r="A1648" s="8">
        <v>2510055</v>
      </c>
      <c r="B1648" s="8" t="s">
        <v>1587</v>
      </c>
    </row>
    <row r="1649" spans="1:2">
      <c r="A1649" s="8">
        <v>2520826</v>
      </c>
      <c r="B1649" s="8" t="s">
        <v>1588</v>
      </c>
    </row>
    <row r="1650" spans="1:2">
      <c r="A1650" s="8">
        <v>2510014</v>
      </c>
      <c r="B1650" s="8" t="s">
        <v>1589</v>
      </c>
    </row>
    <row r="1651" spans="1:2">
      <c r="A1651" s="8">
        <v>2510016</v>
      </c>
      <c r="B1651" s="8" t="s">
        <v>1590</v>
      </c>
    </row>
    <row r="1652" spans="1:2">
      <c r="A1652" s="8">
        <v>2510012</v>
      </c>
      <c r="B1652" s="8" t="s">
        <v>1591</v>
      </c>
    </row>
    <row r="1653" spans="1:2">
      <c r="A1653" s="8">
        <v>2520821</v>
      </c>
      <c r="B1653" s="8" t="s">
        <v>1592</v>
      </c>
    </row>
    <row r="1654" spans="1:2">
      <c r="A1654" s="8">
        <v>2510011</v>
      </c>
      <c r="B1654" s="8" t="s">
        <v>1593</v>
      </c>
    </row>
    <row r="1655" spans="1:2">
      <c r="A1655" s="8">
        <v>2500000</v>
      </c>
      <c r="B1655" s="8" t="s">
        <v>108</v>
      </c>
    </row>
    <row r="1656" spans="1:2">
      <c r="A1656" s="8">
        <v>2500053</v>
      </c>
      <c r="B1656" s="8" t="s">
        <v>1594</v>
      </c>
    </row>
    <row r="1657" spans="1:2">
      <c r="A1657" s="8">
        <v>2500864</v>
      </c>
      <c r="B1657" s="8" t="s">
        <v>1595</v>
      </c>
    </row>
    <row r="1658" spans="1:2">
      <c r="A1658" s="8">
        <v>2500856</v>
      </c>
      <c r="B1658" s="8" t="s">
        <v>1596</v>
      </c>
    </row>
    <row r="1659" spans="1:2">
      <c r="A1659" s="8">
        <v>2500863</v>
      </c>
      <c r="B1659" s="8" t="s">
        <v>1597</v>
      </c>
    </row>
    <row r="1660" spans="1:2">
      <c r="A1660" s="8">
        <v>2500854</v>
      </c>
      <c r="B1660" s="8" t="s">
        <v>1598</v>
      </c>
    </row>
    <row r="1661" spans="1:2">
      <c r="A1661" s="8">
        <v>2500041</v>
      </c>
      <c r="B1661" s="8" t="s">
        <v>1599</v>
      </c>
    </row>
    <row r="1662" spans="1:2">
      <c r="A1662" s="8">
        <v>2500056</v>
      </c>
      <c r="B1662" s="8" t="s">
        <v>1600</v>
      </c>
    </row>
    <row r="1663" spans="1:2">
      <c r="A1663" s="8">
        <v>2500022</v>
      </c>
      <c r="B1663" s="8" t="s">
        <v>1601</v>
      </c>
    </row>
    <row r="1664" spans="1:2">
      <c r="A1664" s="8">
        <v>2500034</v>
      </c>
      <c r="B1664" s="8" t="s">
        <v>1602</v>
      </c>
    </row>
    <row r="1665" spans="1:2">
      <c r="A1665" s="8">
        <v>2500031</v>
      </c>
      <c r="B1665" s="8" t="s">
        <v>1603</v>
      </c>
    </row>
    <row r="1666" spans="1:2">
      <c r="A1666" s="8">
        <v>2500025</v>
      </c>
      <c r="B1666" s="8" t="s">
        <v>1604</v>
      </c>
    </row>
    <row r="1667" spans="1:2">
      <c r="A1667" s="8">
        <v>2500001</v>
      </c>
      <c r="B1667" s="8" t="s">
        <v>1605</v>
      </c>
    </row>
    <row r="1668" spans="1:2">
      <c r="A1668" s="8">
        <v>2500042</v>
      </c>
      <c r="B1668" s="8" t="s">
        <v>1606</v>
      </c>
    </row>
    <row r="1669" spans="1:2">
      <c r="A1669" s="8">
        <v>2560802</v>
      </c>
      <c r="B1669" s="8" t="s">
        <v>1607</v>
      </c>
    </row>
    <row r="1670" spans="1:2">
      <c r="A1670" s="8">
        <v>2500211</v>
      </c>
      <c r="B1670" s="8" t="s">
        <v>1608</v>
      </c>
    </row>
    <row r="1671" spans="1:2">
      <c r="A1671" s="8">
        <v>2560806</v>
      </c>
      <c r="B1671" s="8" t="s">
        <v>1609</v>
      </c>
    </row>
    <row r="1672" spans="1:2">
      <c r="A1672" s="8">
        <v>2500032</v>
      </c>
      <c r="B1672" s="8" t="s">
        <v>1610</v>
      </c>
    </row>
    <row r="1673" spans="1:2">
      <c r="A1673" s="8">
        <v>2560805</v>
      </c>
      <c r="B1673" s="8" t="s">
        <v>1611</v>
      </c>
    </row>
    <row r="1674" spans="1:2">
      <c r="A1674" s="8">
        <v>2500877</v>
      </c>
      <c r="B1674" s="8" t="s">
        <v>1612</v>
      </c>
    </row>
    <row r="1675" spans="1:2">
      <c r="A1675" s="8">
        <v>2500202</v>
      </c>
      <c r="B1675" s="8" t="s">
        <v>1613</v>
      </c>
    </row>
    <row r="1676" spans="1:2">
      <c r="A1676" s="8">
        <v>2500874</v>
      </c>
      <c r="B1676" s="8" t="s">
        <v>1614</v>
      </c>
    </row>
    <row r="1677" spans="1:2">
      <c r="A1677" s="8">
        <v>2500852</v>
      </c>
      <c r="B1677" s="8" t="s">
        <v>1615</v>
      </c>
    </row>
    <row r="1678" spans="1:2">
      <c r="A1678" s="8">
        <v>2560814</v>
      </c>
      <c r="B1678" s="8" t="s">
        <v>1616</v>
      </c>
    </row>
    <row r="1679" spans="1:2">
      <c r="A1679" s="8">
        <v>2500051</v>
      </c>
      <c r="B1679" s="8" t="s">
        <v>1617</v>
      </c>
    </row>
    <row r="1680" spans="1:2">
      <c r="A1680" s="8">
        <v>2500055</v>
      </c>
      <c r="B1680" s="8" t="s">
        <v>1618</v>
      </c>
    </row>
    <row r="1681" spans="1:2">
      <c r="A1681" s="8">
        <v>2500861</v>
      </c>
      <c r="B1681" s="8" t="s">
        <v>1619</v>
      </c>
    </row>
    <row r="1682" spans="1:2">
      <c r="A1682" s="8">
        <v>2560812</v>
      </c>
      <c r="B1682" s="8" t="s">
        <v>1620</v>
      </c>
    </row>
    <row r="1683" spans="1:2">
      <c r="A1683" s="8">
        <v>2500858</v>
      </c>
      <c r="B1683" s="8" t="s">
        <v>1621</v>
      </c>
    </row>
    <row r="1684" spans="1:2">
      <c r="A1684" s="8">
        <v>2500002</v>
      </c>
      <c r="B1684" s="8" t="s">
        <v>1622</v>
      </c>
    </row>
    <row r="1685" spans="1:2">
      <c r="A1685" s="8">
        <v>2500023</v>
      </c>
      <c r="B1685" s="8" t="s">
        <v>1623</v>
      </c>
    </row>
    <row r="1686" spans="1:2">
      <c r="A1686" s="8">
        <v>2560815</v>
      </c>
      <c r="B1686" s="8" t="s">
        <v>1624</v>
      </c>
    </row>
    <row r="1687" spans="1:2">
      <c r="A1687" s="8">
        <v>2500011</v>
      </c>
      <c r="B1687" s="8" t="s">
        <v>1625</v>
      </c>
    </row>
    <row r="1688" spans="1:2">
      <c r="A1688" s="8">
        <v>2560816</v>
      </c>
      <c r="B1688" s="8" t="s">
        <v>1626</v>
      </c>
    </row>
    <row r="1689" spans="1:2">
      <c r="A1689" s="8">
        <v>2500855</v>
      </c>
      <c r="B1689" s="8" t="s">
        <v>1627</v>
      </c>
    </row>
    <row r="1690" spans="1:2">
      <c r="A1690" s="8">
        <v>2500208</v>
      </c>
      <c r="B1690" s="8" t="s">
        <v>1628</v>
      </c>
    </row>
    <row r="1691" spans="1:2">
      <c r="A1691" s="8">
        <v>2500878</v>
      </c>
      <c r="B1691" s="8" t="s">
        <v>1629</v>
      </c>
    </row>
    <row r="1692" spans="1:2">
      <c r="A1692" s="8">
        <v>2500871</v>
      </c>
      <c r="B1692" s="8" t="s">
        <v>1630</v>
      </c>
    </row>
    <row r="1693" spans="1:2">
      <c r="A1693" s="8">
        <v>2500046</v>
      </c>
      <c r="B1693" s="8" t="s">
        <v>1631</v>
      </c>
    </row>
    <row r="1694" spans="1:2">
      <c r="A1694" s="8">
        <v>2500014</v>
      </c>
      <c r="B1694" s="8" t="s">
        <v>1632</v>
      </c>
    </row>
    <row r="1695" spans="1:2">
      <c r="A1695" s="8">
        <v>2500045</v>
      </c>
      <c r="B1695" s="8" t="s">
        <v>1633</v>
      </c>
    </row>
    <row r="1696" spans="1:2">
      <c r="A1696" s="8">
        <v>2500201</v>
      </c>
      <c r="B1696" s="8" t="s">
        <v>1634</v>
      </c>
    </row>
    <row r="1697" spans="1:2">
      <c r="A1697" s="8">
        <v>2500203</v>
      </c>
      <c r="B1697" s="8" t="s">
        <v>1635</v>
      </c>
    </row>
    <row r="1698" spans="1:2">
      <c r="A1698" s="8">
        <v>2500207</v>
      </c>
      <c r="B1698" s="8" t="s">
        <v>1636</v>
      </c>
    </row>
    <row r="1699" spans="1:2">
      <c r="A1699" s="8">
        <v>2500205</v>
      </c>
      <c r="B1699" s="8" t="s">
        <v>1637</v>
      </c>
    </row>
    <row r="1700" spans="1:2">
      <c r="A1700" s="8">
        <v>2500204</v>
      </c>
      <c r="B1700" s="8" t="s">
        <v>1638</v>
      </c>
    </row>
    <row r="1701" spans="1:2">
      <c r="A1701" s="8">
        <v>2500206</v>
      </c>
      <c r="B1701" s="8" t="s">
        <v>1639</v>
      </c>
    </row>
    <row r="1702" spans="1:2">
      <c r="A1702" s="8">
        <v>2500851</v>
      </c>
      <c r="B1702" s="8" t="s">
        <v>1640</v>
      </c>
    </row>
    <row r="1703" spans="1:2">
      <c r="A1703" s="8">
        <v>2500216</v>
      </c>
      <c r="B1703" s="8" t="s">
        <v>1641</v>
      </c>
    </row>
    <row r="1704" spans="1:2">
      <c r="A1704" s="8">
        <v>2500054</v>
      </c>
      <c r="B1704" s="8" t="s">
        <v>1642</v>
      </c>
    </row>
    <row r="1705" spans="1:2">
      <c r="A1705" s="8">
        <v>2560811</v>
      </c>
      <c r="B1705" s="8" t="s">
        <v>1643</v>
      </c>
    </row>
    <row r="1706" spans="1:2">
      <c r="A1706" s="8">
        <v>2500215</v>
      </c>
      <c r="B1706" s="8" t="s">
        <v>1644</v>
      </c>
    </row>
    <row r="1707" spans="1:2">
      <c r="A1707" s="8">
        <v>2500872</v>
      </c>
      <c r="B1707" s="8" t="s">
        <v>1645</v>
      </c>
    </row>
    <row r="1708" spans="1:2">
      <c r="A1708" s="8">
        <v>2500876</v>
      </c>
      <c r="B1708" s="8" t="s">
        <v>1646</v>
      </c>
    </row>
    <row r="1709" spans="1:2">
      <c r="A1709" s="8">
        <v>2500866</v>
      </c>
      <c r="B1709" s="8" t="s">
        <v>1647</v>
      </c>
    </row>
    <row r="1710" spans="1:2">
      <c r="A1710" s="8">
        <v>2500005</v>
      </c>
      <c r="B1710" s="8" t="s">
        <v>1648</v>
      </c>
    </row>
    <row r="1711" spans="1:2">
      <c r="A1711" s="8">
        <v>2560803</v>
      </c>
      <c r="B1711" s="8" t="s">
        <v>1649</v>
      </c>
    </row>
    <row r="1712" spans="1:2">
      <c r="A1712" s="8">
        <v>2500214</v>
      </c>
      <c r="B1712" s="8" t="s">
        <v>1650</v>
      </c>
    </row>
    <row r="1713" spans="1:2">
      <c r="A1713" s="8">
        <v>2500862</v>
      </c>
      <c r="B1713" s="8" t="s">
        <v>1651</v>
      </c>
    </row>
    <row r="1714" spans="1:2">
      <c r="A1714" s="8">
        <v>2500212</v>
      </c>
      <c r="B1714" s="8" t="s">
        <v>1652</v>
      </c>
    </row>
    <row r="1715" spans="1:2">
      <c r="A1715" s="8">
        <v>2560817</v>
      </c>
      <c r="B1715" s="8" t="s">
        <v>1653</v>
      </c>
    </row>
    <row r="1716" spans="1:2">
      <c r="A1716" s="8">
        <v>2560801</v>
      </c>
      <c r="B1716" s="8" t="s">
        <v>1654</v>
      </c>
    </row>
    <row r="1717" spans="1:2">
      <c r="A1717" s="8">
        <v>2500024</v>
      </c>
      <c r="B1717" s="8" t="s">
        <v>1655</v>
      </c>
    </row>
    <row r="1718" spans="1:2">
      <c r="A1718" s="8">
        <v>2500218</v>
      </c>
      <c r="B1718" s="8" t="s">
        <v>1656</v>
      </c>
    </row>
    <row r="1719" spans="1:2">
      <c r="A1719" s="8">
        <v>2560804</v>
      </c>
      <c r="B1719" s="8" t="s">
        <v>1657</v>
      </c>
    </row>
    <row r="1720" spans="1:2">
      <c r="A1720" s="8">
        <v>2500004</v>
      </c>
      <c r="B1720" s="8" t="s">
        <v>1658</v>
      </c>
    </row>
    <row r="1721" spans="1:2">
      <c r="A1721" s="8">
        <v>2500021</v>
      </c>
      <c r="B1721" s="8" t="s">
        <v>1659</v>
      </c>
    </row>
    <row r="1722" spans="1:2">
      <c r="A1722" s="8">
        <v>2500213</v>
      </c>
      <c r="B1722" s="8" t="s">
        <v>1660</v>
      </c>
    </row>
    <row r="1723" spans="1:2">
      <c r="A1723" s="8">
        <v>2560808</v>
      </c>
      <c r="B1723" s="8" t="s">
        <v>1661</v>
      </c>
    </row>
    <row r="1724" spans="1:2">
      <c r="A1724" s="8">
        <v>2500003</v>
      </c>
      <c r="B1724" s="8" t="s">
        <v>1662</v>
      </c>
    </row>
    <row r="1725" spans="1:2">
      <c r="A1725" s="8">
        <v>2500052</v>
      </c>
      <c r="B1725" s="8" t="s">
        <v>1663</v>
      </c>
    </row>
    <row r="1726" spans="1:2">
      <c r="A1726" s="8">
        <v>2500217</v>
      </c>
      <c r="B1726" s="8" t="s">
        <v>1664</v>
      </c>
    </row>
    <row r="1727" spans="1:2">
      <c r="A1727" s="8">
        <v>2500853</v>
      </c>
      <c r="B1727" s="8" t="s">
        <v>1665</v>
      </c>
    </row>
    <row r="1728" spans="1:2">
      <c r="A1728" s="8">
        <v>2500012</v>
      </c>
      <c r="B1728" s="8" t="s">
        <v>1666</v>
      </c>
    </row>
    <row r="1729" spans="1:2">
      <c r="A1729" s="8">
        <v>2560813</v>
      </c>
      <c r="B1729" s="8" t="s">
        <v>1667</v>
      </c>
    </row>
    <row r="1730" spans="1:2">
      <c r="A1730" s="8">
        <v>2500033</v>
      </c>
      <c r="B1730" s="8" t="s">
        <v>1668</v>
      </c>
    </row>
    <row r="1731" spans="1:2">
      <c r="A1731" s="8">
        <v>2500044</v>
      </c>
      <c r="B1731" s="8" t="s">
        <v>1669</v>
      </c>
    </row>
    <row r="1732" spans="1:2">
      <c r="A1732" s="8">
        <v>2500035</v>
      </c>
      <c r="B1732" s="8" t="s">
        <v>1670</v>
      </c>
    </row>
    <row r="1733" spans="1:2">
      <c r="A1733" s="8">
        <v>2500875</v>
      </c>
      <c r="B1733" s="8" t="s">
        <v>1671</v>
      </c>
    </row>
    <row r="1734" spans="1:2">
      <c r="A1734" s="8">
        <v>2500013</v>
      </c>
      <c r="B1734" s="8" t="s">
        <v>1672</v>
      </c>
    </row>
    <row r="1735" spans="1:2">
      <c r="A1735" s="8">
        <v>2500043</v>
      </c>
      <c r="B1735" s="8" t="s">
        <v>1673</v>
      </c>
    </row>
    <row r="1736" spans="1:2">
      <c r="A1736" s="8">
        <v>2500857</v>
      </c>
      <c r="B1736" s="8" t="s">
        <v>1674</v>
      </c>
    </row>
    <row r="1737" spans="1:2">
      <c r="A1737" s="8">
        <v>2500873</v>
      </c>
      <c r="B1737" s="8" t="s">
        <v>1675</v>
      </c>
    </row>
    <row r="1738" spans="1:2">
      <c r="A1738" s="8">
        <v>2560807</v>
      </c>
      <c r="B1738" s="8" t="s">
        <v>1676</v>
      </c>
    </row>
    <row r="1739" spans="1:2">
      <c r="A1739" s="8">
        <v>2500865</v>
      </c>
      <c r="B1739" s="8" t="s">
        <v>1677</v>
      </c>
    </row>
    <row r="1740" spans="1:2">
      <c r="A1740" s="8">
        <v>2530000</v>
      </c>
      <c r="B1740" s="8" t="s">
        <v>109</v>
      </c>
    </row>
    <row r="1741" spans="1:2">
      <c r="A1741" s="8">
        <v>2530001</v>
      </c>
      <c r="B1741" s="8" t="s">
        <v>1678</v>
      </c>
    </row>
    <row r="1742" spans="1:2">
      <c r="A1742" s="8">
        <v>2530013</v>
      </c>
      <c r="B1742" s="8" t="s">
        <v>1679</v>
      </c>
    </row>
    <row r="1743" spans="1:2">
      <c r="A1743" s="8">
        <v>2530026</v>
      </c>
      <c r="B1743" s="8" t="s">
        <v>1680</v>
      </c>
    </row>
    <row r="1744" spans="1:2">
      <c r="A1744" s="8">
        <v>2530004</v>
      </c>
      <c r="B1744" s="8" t="s">
        <v>1681</v>
      </c>
    </row>
    <row r="1745" spans="1:2">
      <c r="A1745" s="8">
        <v>2530072</v>
      </c>
      <c r="B1745" s="8" t="s">
        <v>1682</v>
      </c>
    </row>
    <row r="1746" spans="1:2">
      <c r="A1746" s="8">
        <v>2530084</v>
      </c>
      <c r="B1746" s="8" t="s">
        <v>1683</v>
      </c>
    </row>
    <row r="1747" spans="1:2">
      <c r="A1747" s="8">
        <v>2530082</v>
      </c>
      <c r="B1747" s="8" t="s">
        <v>1684</v>
      </c>
    </row>
    <row r="1748" spans="1:2">
      <c r="A1748" s="8">
        <v>2530016</v>
      </c>
      <c r="B1748" s="8" t="s">
        <v>1685</v>
      </c>
    </row>
    <row r="1749" spans="1:2">
      <c r="A1749" s="8">
        <v>2530012</v>
      </c>
      <c r="B1749" s="8" t="s">
        <v>1686</v>
      </c>
    </row>
    <row r="1750" spans="1:2">
      <c r="A1750" s="8">
        <v>2530052</v>
      </c>
      <c r="B1750" s="8" t="s">
        <v>1687</v>
      </c>
    </row>
    <row r="1751" spans="1:2">
      <c r="A1751" s="8">
        <v>2530033</v>
      </c>
      <c r="B1751" s="8" t="s">
        <v>1688</v>
      </c>
    </row>
    <row r="1752" spans="1:2">
      <c r="A1752" s="8">
        <v>2530081</v>
      </c>
      <c r="B1752" s="8" t="s">
        <v>1689</v>
      </c>
    </row>
    <row r="1753" spans="1:2">
      <c r="A1753" s="8">
        <v>2530087</v>
      </c>
      <c r="B1753" s="8" t="s">
        <v>1690</v>
      </c>
    </row>
    <row r="1754" spans="1:2">
      <c r="A1754" s="8">
        <v>2530045</v>
      </c>
      <c r="B1754" s="8" t="s">
        <v>1691</v>
      </c>
    </row>
    <row r="1755" spans="1:2">
      <c r="A1755" s="8">
        <v>2530017</v>
      </c>
      <c r="B1755" s="8" t="s">
        <v>1692</v>
      </c>
    </row>
    <row r="1756" spans="1:2">
      <c r="A1756" s="8">
        <v>2530036</v>
      </c>
      <c r="B1756" s="8" t="s">
        <v>1693</v>
      </c>
    </row>
    <row r="1757" spans="1:2">
      <c r="A1757" s="8">
        <v>2530044</v>
      </c>
      <c r="B1757" s="8" t="s">
        <v>1694</v>
      </c>
    </row>
    <row r="1758" spans="1:2">
      <c r="A1758" s="8">
        <v>2530008</v>
      </c>
      <c r="B1758" s="8" t="s">
        <v>1695</v>
      </c>
    </row>
    <row r="1759" spans="1:2">
      <c r="A1759" s="8">
        <v>2530015</v>
      </c>
      <c r="B1759" s="8" t="s">
        <v>1696</v>
      </c>
    </row>
    <row r="1760" spans="1:2">
      <c r="A1760" s="8">
        <v>2530002</v>
      </c>
      <c r="B1760" s="8" t="s">
        <v>1697</v>
      </c>
    </row>
    <row r="1761" spans="1:2">
      <c r="A1761" s="8">
        <v>2530041</v>
      </c>
      <c r="B1761" s="8" t="s">
        <v>1698</v>
      </c>
    </row>
    <row r="1762" spans="1:2">
      <c r="A1762" s="8">
        <v>2530006</v>
      </c>
      <c r="B1762" s="8" t="s">
        <v>1699</v>
      </c>
    </row>
    <row r="1763" spans="1:2">
      <c r="A1763" s="8">
        <v>2530003</v>
      </c>
      <c r="B1763" s="8" t="s">
        <v>1700</v>
      </c>
    </row>
    <row r="1764" spans="1:2">
      <c r="A1764" s="8">
        <v>2530028</v>
      </c>
      <c r="B1764" s="8" t="s">
        <v>1701</v>
      </c>
    </row>
    <row r="1765" spans="1:2">
      <c r="A1765" s="8">
        <v>2530032</v>
      </c>
      <c r="B1765" s="8" t="s">
        <v>1702</v>
      </c>
    </row>
    <row r="1766" spans="1:2">
      <c r="A1766" s="8">
        <v>2530056</v>
      </c>
      <c r="B1766" s="8" t="s">
        <v>1703</v>
      </c>
    </row>
    <row r="1767" spans="1:2">
      <c r="A1767" s="8">
        <v>2530055</v>
      </c>
      <c r="B1767" s="8" t="s">
        <v>1704</v>
      </c>
    </row>
    <row r="1768" spans="1:2">
      <c r="A1768" s="8">
        <v>2530073</v>
      </c>
      <c r="B1768" s="8" t="s">
        <v>1705</v>
      </c>
    </row>
    <row r="1769" spans="1:2">
      <c r="A1769" s="8">
        <v>2530007</v>
      </c>
      <c r="B1769" s="8" t="s">
        <v>1706</v>
      </c>
    </row>
    <row r="1770" spans="1:2">
      <c r="A1770" s="8">
        <v>2530061</v>
      </c>
      <c r="B1770" s="8" t="s">
        <v>1707</v>
      </c>
    </row>
    <row r="1771" spans="1:2">
      <c r="A1771" s="8">
        <v>2530083</v>
      </c>
      <c r="B1771" s="8" t="s">
        <v>1708</v>
      </c>
    </row>
    <row r="1772" spans="1:2">
      <c r="A1772" s="8">
        <v>2530071</v>
      </c>
      <c r="B1772" s="8" t="s">
        <v>1709</v>
      </c>
    </row>
    <row r="1773" spans="1:2">
      <c r="A1773" s="8">
        <v>2530035</v>
      </c>
      <c r="B1773" s="8" t="s">
        <v>1710</v>
      </c>
    </row>
    <row r="1774" spans="1:2">
      <c r="A1774" s="8">
        <v>2530021</v>
      </c>
      <c r="B1774" s="8" t="s">
        <v>1711</v>
      </c>
    </row>
    <row r="1775" spans="1:2">
      <c r="A1775" s="8">
        <v>2530086</v>
      </c>
      <c r="B1775" s="8" t="s">
        <v>1712</v>
      </c>
    </row>
    <row r="1776" spans="1:2">
      <c r="A1776" s="8">
        <v>2530062</v>
      </c>
      <c r="B1776" s="8" t="s">
        <v>1713</v>
      </c>
    </row>
    <row r="1777" spans="1:2">
      <c r="A1777" s="8">
        <v>2530054</v>
      </c>
      <c r="B1777" s="8" t="s">
        <v>1714</v>
      </c>
    </row>
    <row r="1778" spans="1:2">
      <c r="A1778" s="8">
        <v>2530053</v>
      </c>
      <c r="B1778" s="8" t="s">
        <v>1715</v>
      </c>
    </row>
    <row r="1779" spans="1:2">
      <c r="A1779" s="8">
        <v>2530011</v>
      </c>
      <c r="B1779" s="8" t="s">
        <v>1716</v>
      </c>
    </row>
    <row r="1780" spans="1:2">
      <c r="A1780" s="8">
        <v>2530037</v>
      </c>
      <c r="B1780" s="8" t="s">
        <v>1717</v>
      </c>
    </row>
    <row r="1781" spans="1:2">
      <c r="A1781" s="8">
        <v>2530027</v>
      </c>
      <c r="B1781" s="8" t="s">
        <v>1718</v>
      </c>
    </row>
    <row r="1782" spans="1:2">
      <c r="A1782" s="8">
        <v>2530031</v>
      </c>
      <c r="B1782" s="8" t="s">
        <v>1719</v>
      </c>
    </row>
    <row r="1783" spans="1:2">
      <c r="A1783" s="8">
        <v>2530074</v>
      </c>
      <c r="B1783" s="8" t="s">
        <v>1720</v>
      </c>
    </row>
    <row r="1784" spans="1:2">
      <c r="A1784" s="8">
        <v>2530024</v>
      </c>
      <c r="B1784" s="8" t="s">
        <v>1721</v>
      </c>
    </row>
    <row r="1785" spans="1:2">
      <c r="A1785" s="8">
        <v>2530014</v>
      </c>
      <c r="B1785" s="8" t="s">
        <v>1722</v>
      </c>
    </row>
    <row r="1786" spans="1:2">
      <c r="A1786" s="8">
        <v>2530042</v>
      </c>
      <c r="B1786" s="8" t="s">
        <v>1723</v>
      </c>
    </row>
    <row r="1787" spans="1:2">
      <c r="A1787" s="8">
        <v>2530065</v>
      </c>
      <c r="B1787" s="8" t="s">
        <v>1724</v>
      </c>
    </row>
    <row r="1788" spans="1:2">
      <c r="A1788" s="8">
        <v>2530005</v>
      </c>
      <c r="B1788" s="8" t="s">
        <v>1725</v>
      </c>
    </row>
    <row r="1789" spans="1:2">
      <c r="A1789" s="8">
        <v>2530025</v>
      </c>
      <c r="B1789" s="8" t="s">
        <v>1726</v>
      </c>
    </row>
    <row r="1790" spans="1:2">
      <c r="A1790" s="8">
        <v>2530022</v>
      </c>
      <c r="B1790" s="8" t="s">
        <v>1727</v>
      </c>
    </row>
    <row r="1791" spans="1:2">
      <c r="A1791" s="8">
        <v>2530088</v>
      </c>
      <c r="B1791" s="8" t="s">
        <v>1728</v>
      </c>
    </row>
    <row r="1792" spans="1:2">
      <c r="A1792" s="8">
        <v>2530023</v>
      </c>
      <c r="B1792" s="8" t="s">
        <v>1729</v>
      </c>
    </row>
    <row r="1793" spans="1:2">
      <c r="A1793" s="8">
        <v>2530034</v>
      </c>
      <c r="B1793" s="8" t="s">
        <v>1730</v>
      </c>
    </row>
    <row r="1794" spans="1:2">
      <c r="A1794" s="8">
        <v>2530018</v>
      </c>
      <c r="B1794" s="8" t="s">
        <v>1731</v>
      </c>
    </row>
    <row r="1795" spans="1:2">
      <c r="A1795" s="8">
        <v>2530043</v>
      </c>
      <c r="B1795" s="8" t="s">
        <v>1732</v>
      </c>
    </row>
    <row r="1796" spans="1:2">
      <c r="A1796" s="8">
        <v>2530064</v>
      </c>
      <c r="B1796" s="8" t="s">
        <v>1733</v>
      </c>
    </row>
    <row r="1797" spans="1:2">
      <c r="A1797" s="8">
        <v>2530063</v>
      </c>
      <c r="B1797" s="8" t="s">
        <v>1734</v>
      </c>
    </row>
    <row r="1798" spans="1:2">
      <c r="A1798" s="8">
        <v>2530085</v>
      </c>
      <c r="B1798" s="8" t="s">
        <v>1735</v>
      </c>
    </row>
    <row r="1799" spans="1:2">
      <c r="A1799" s="8">
        <v>2530051</v>
      </c>
      <c r="B1799" s="8" t="s">
        <v>1736</v>
      </c>
    </row>
    <row r="1800" spans="1:2">
      <c r="A1800" s="8">
        <v>2490000</v>
      </c>
      <c r="B1800" s="8" t="s">
        <v>110</v>
      </c>
    </row>
    <row r="1801" spans="1:2">
      <c r="A1801" s="8">
        <v>2490003</v>
      </c>
      <c r="B1801" s="8" t="s">
        <v>1737</v>
      </c>
    </row>
    <row r="1802" spans="1:2">
      <c r="A1802" s="8">
        <v>2490008</v>
      </c>
      <c r="B1802" s="8" t="s">
        <v>1738</v>
      </c>
    </row>
    <row r="1803" spans="1:2">
      <c r="A1803" s="8">
        <v>2490005</v>
      </c>
      <c r="B1803" s="8" t="s">
        <v>1739</v>
      </c>
    </row>
    <row r="1804" spans="1:2">
      <c r="A1804" s="8">
        <v>2490007</v>
      </c>
      <c r="B1804" s="8" t="s">
        <v>1740</v>
      </c>
    </row>
    <row r="1805" spans="1:2">
      <c r="A1805" s="8">
        <v>2490006</v>
      </c>
      <c r="B1805" s="8" t="s">
        <v>1741</v>
      </c>
    </row>
    <row r="1806" spans="1:2">
      <c r="A1806" s="8">
        <v>2490004</v>
      </c>
      <c r="B1806" s="8" t="s">
        <v>1742</v>
      </c>
    </row>
    <row r="1807" spans="1:2">
      <c r="A1807" s="8">
        <v>2490001</v>
      </c>
      <c r="B1807" s="8" t="s">
        <v>1743</v>
      </c>
    </row>
    <row r="1808" spans="1:2">
      <c r="A1808" s="8">
        <v>2490002</v>
      </c>
      <c r="B1808" s="8" t="s">
        <v>1744</v>
      </c>
    </row>
    <row r="1809" spans="1:2">
      <c r="A1809" s="8">
        <v>2380200</v>
      </c>
      <c r="B1809" s="8" t="s">
        <v>111</v>
      </c>
    </row>
    <row r="1810" spans="1:2">
      <c r="A1810" s="8">
        <v>2380246</v>
      </c>
      <c r="B1810" s="8" t="s">
        <v>1745</v>
      </c>
    </row>
    <row r="1811" spans="1:2">
      <c r="A1811" s="8">
        <v>2380245</v>
      </c>
      <c r="B1811" s="8" t="s">
        <v>1746</v>
      </c>
    </row>
    <row r="1812" spans="1:2">
      <c r="A1812" s="8">
        <v>2380222</v>
      </c>
      <c r="B1812" s="8" t="s">
        <v>1747</v>
      </c>
    </row>
    <row r="1813" spans="1:2">
      <c r="A1813" s="8">
        <v>2380236</v>
      </c>
      <c r="B1813" s="8" t="s">
        <v>1748</v>
      </c>
    </row>
    <row r="1814" spans="1:2">
      <c r="A1814" s="8">
        <v>2380244</v>
      </c>
      <c r="B1814" s="8" t="s">
        <v>1749</v>
      </c>
    </row>
    <row r="1815" spans="1:2">
      <c r="A1815" s="8">
        <v>2380235</v>
      </c>
      <c r="B1815" s="8" t="s">
        <v>1750</v>
      </c>
    </row>
    <row r="1816" spans="1:2">
      <c r="A1816" s="8">
        <v>2380234</v>
      </c>
      <c r="B1816" s="8" t="s">
        <v>1751</v>
      </c>
    </row>
    <row r="1817" spans="1:2">
      <c r="A1817" s="8">
        <v>2380241</v>
      </c>
      <c r="B1817" s="8" t="s">
        <v>1752</v>
      </c>
    </row>
    <row r="1818" spans="1:2">
      <c r="A1818" s="8">
        <v>2380113</v>
      </c>
      <c r="B1818" s="8" t="s">
        <v>1753</v>
      </c>
    </row>
    <row r="1819" spans="1:2">
      <c r="A1819" s="8">
        <v>2380115</v>
      </c>
      <c r="B1819" s="8" t="s">
        <v>1754</v>
      </c>
    </row>
    <row r="1820" spans="1:2">
      <c r="A1820" s="8">
        <v>2380111</v>
      </c>
      <c r="B1820" s="8" t="s">
        <v>1755</v>
      </c>
    </row>
    <row r="1821" spans="1:2">
      <c r="A1821" s="8">
        <v>2380112</v>
      </c>
      <c r="B1821" s="8" t="s">
        <v>1756</v>
      </c>
    </row>
    <row r="1822" spans="1:2">
      <c r="A1822" s="8">
        <v>2380114</v>
      </c>
      <c r="B1822" s="8" t="s">
        <v>1757</v>
      </c>
    </row>
    <row r="1823" spans="1:2">
      <c r="A1823" s="8">
        <v>2380223</v>
      </c>
      <c r="B1823" s="8" t="s">
        <v>1758</v>
      </c>
    </row>
    <row r="1824" spans="1:2">
      <c r="A1824" s="8">
        <v>2380232</v>
      </c>
      <c r="B1824" s="8" t="s">
        <v>1759</v>
      </c>
    </row>
    <row r="1825" spans="1:2">
      <c r="A1825" s="8">
        <v>2380242</v>
      </c>
      <c r="B1825" s="8" t="s">
        <v>1760</v>
      </c>
    </row>
    <row r="1826" spans="1:2">
      <c r="A1826" s="8">
        <v>2380243</v>
      </c>
      <c r="B1826" s="8" t="s">
        <v>1761</v>
      </c>
    </row>
    <row r="1827" spans="1:2">
      <c r="A1827" s="8">
        <v>2380225</v>
      </c>
      <c r="B1827" s="8" t="s">
        <v>1762</v>
      </c>
    </row>
    <row r="1828" spans="1:2">
      <c r="A1828" s="8">
        <v>2380237</v>
      </c>
      <c r="B1828" s="8" t="s">
        <v>1763</v>
      </c>
    </row>
    <row r="1829" spans="1:2">
      <c r="A1829" s="8">
        <v>2380221</v>
      </c>
      <c r="B1829" s="8" t="s">
        <v>1764</v>
      </c>
    </row>
    <row r="1830" spans="1:2">
      <c r="A1830" s="8">
        <v>2380224</v>
      </c>
      <c r="B1830" s="8" t="s">
        <v>1765</v>
      </c>
    </row>
    <row r="1831" spans="1:2">
      <c r="A1831" s="8">
        <v>2380103</v>
      </c>
      <c r="B1831" s="8" t="s">
        <v>1766</v>
      </c>
    </row>
    <row r="1832" spans="1:2">
      <c r="A1832" s="8">
        <v>2380101</v>
      </c>
      <c r="B1832" s="8" t="s">
        <v>1767</v>
      </c>
    </row>
    <row r="1833" spans="1:2">
      <c r="A1833" s="8">
        <v>2380102</v>
      </c>
      <c r="B1833" s="8" t="s">
        <v>1768</v>
      </c>
    </row>
    <row r="1834" spans="1:2">
      <c r="A1834" s="8">
        <v>2380105</v>
      </c>
      <c r="B1834" s="8" t="s">
        <v>1769</v>
      </c>
    </row>
    <row r="1835" spans="1:2">
      <c r="A1835" s="8">
        <v>2380104</v>
      </c>
      <c r="B1835" s="8" t="s">
        <v>1770</v>
      </c>
    </row>
    <row r="1836" spans="1:2">
      <c r="A1836" s="8">
        <v>2380231</v>
      </c>
      <c r="B1836" s="8" t="s">
        <v>1771</v>
      </c>
    </row>
    <row r="1837" spans="1:2">
      <c r="A1837" s="8">
        <v>2380233</v>
      </c>
      <c r="B1837" s="8" t="s">
        <v>1772</v>
      </c>
    </row>
    <row r="1838" spans="1:2">
      <c r="A1838" s="8">
        <v>2570000</v>
      </c>
      <c r="B1838" s="8" t="s">
        <v>112</v>
      </c>
    </row>
    <row r="1839" spans="1:2">
      <c r="A1839" s="8">
        <v>2570014</v>
      </c>
      <c r="B1839" s="8" t="s">
        <v>1773</v>
      </c>
    </row>
    <row r="1840" spans="1:2">
      <c r="A1840" s="8">
        <v>2570018</v>
      </c>
      <c r="B1840" s="8" t="s">
        <v>1774</v>
      </c>
    </row>
    <row r="1841" spans="1:2">
      <c r="A1841" s="8">
        <v>2570051</v>
      </c>
      <c r="B1841" s="8" t="s">
        <v>1775</v>
      </c>
    </row>
    <row r="1842" spans="1:2">
      <c r="A1842" s="8">
        <v>2570041</v>
      </c>
      <c r="B1842" s="8" t="s">
        <v>1776</v>
      </c>
    </row>
    <row r="1843" spans="1:2">
      <c r="A1843" s="8">
        <v>2570011</v>
      </c>
      <c r="B1843" s="8" t="s">
        <v>1777</v>
      </c>
    </row>
    <row r="1844" spans="1:2">
      <c r="A1844" s="8">
        <v>2570025</v>
      </c>
      <c r="B1844" s="8" t="s">
        <v>1778</v>
      </c>
    </row>
    <row r="1845" spans="1:2">
      <c r="A1845" s="8">
        <v>2591312</v>
      </c>
      <c r="B1845" s="8" t="s">
        <v>1779</v>
      </c>
    </row>
    <row r="1846" spans="1:2">
      <c r="A1846" s="8">
        <v>2570052</v>
      </c>
      <c r="B1846" s="8" t="s">
        <v>1780</v>
      </c>
    </row>
    <row r="1847" spans="1:2">
      <c r="A1847" s="8">
        <v>2570005</v>
      </c>
      <c r="B1847" s="8" t="s">
        <v>1781</v>
      </c>
    </row>
    <row r="1848" spans="1:2">
      <c r="A1848" s="8">
        <v>2570032</v>
      </c>
      <c r="B1848" s="8" t="s">
        <v>1782</v>
      </c>
    </row>
    <row r="1849" spans="1:2">
      <c r="A1849" s="8">
        <v>2570006</v>
      </c>
      <c r="B1849" s="8" t="s">
        <v>1783</v>
      </c>
    </row>
    <row r="1850" spans="1:2">
      <c r="A1850" s="8">
        <v>2570042</v>
      </c>
      <c r="B1850" s="8" t="s">
        <v>1784</v>
      </c>
    </row>
    <row r="1851" spans="1:2">
      <c r="A1851" s="8">
        <v>2570022</v>
      </c>
      <c r="B1851" s="8" t="s">
        <v>1785</v>
      </c>
    </row>
    <row r="1852" spans="1:2">
      <c r="A1852" s="8">
        <v>2570048</v>
      </c>
      <c r="B1852" s="8" t="s">
        <v>1786</v>
      </c>
    </row>
    <row r="1853" spans="1:2">
      <c r="A1853" s="8">
        <v>2570043</v>
      </c>
      <c r="B1853" s="8" t="s">
        <v>1787</v>
      </c>
    </row>
    <row r="1854" spans="1:2">
      <c r="A1854" s="8">
        <v>2570045</v>
      </c>
      <c r="B1854" s="8" t="s">
        <v>1788</v>
      </c>
    </row>
    <row r="1855" spans="1:2">
      <c r="A1855" s="8">
        <v>2591303</v>
      </c>
      <c r="B1855" s="8" t="s">
        <v>1789</v>
      </c>
    </row>
    <row r="1856" spans="1:2">
      <c r="A1856" s="8">
        <v>2591322</v>
      </c>
      <c r="B1856" s="8" t="s">
        <v>1790</v>
      </c>
    </row>
    <row r="1857" spans="1:2">
      <c r="A1857" s="8">
        <v>2591326</v>
      </c>
      <c r="B1857" s="8" t="s">
        <v>1791</v>
      </c>
    </row>
    <row r="1858" spans="1:2">
      <c r="A1858" s="8">
        <v>2570053</v>
      </c>
      <c r="B1858" s="8" t="s">
        <v>1792</v>
      </c>
    </row>
    <row r="1859" spans="1:2">
      <c r="A1859" s="8">
        <v>2570004</v>
      </c>
      <c r="B1859" s="8" t="s">
        <v>1793</v>
      </c>
    </row>
    <row r="1860" spans="1:2">
      <c r="A1860" s="8">
        <v>2570026</v>
      </c>
      <c r="B1860" s="8" t="s">
        <v>1794</v>
      </c>
    </row>
    <row r="1861" spans="1:2">
      <c r="A1861" s="8">
        <v>2591332</v>
      </c>
      <c r="B1861" s="8" t="s">
        <v>1795</v>
      </c>
    </row>
    <row r="1862" spans="1:2">
      <c r="A1862" s="8">
        <v>2570056</v>
      </c>
      <c r="B1862" s="8" t="s">
        <v>1796</v>
      </c>
    </row>
    <row r="1863" spans="1:2">
      <c r="A1863" s="8">
        <v>2570047</v>
      </c>
      <c r="B1863" s="8" t="s">
        <v>1797</v>
      </c>
    </row>
    <row r="1864" spans="1:2">
      <c r="A1864" s="8">
        <v>2570037</v>
      </c>
      <c r="B1864" s="8" t="s">
        <v>1798</v>
      </c>
    </row>
    <row r="1865" spans="1:2">
      <c r="A1865" s="8">
        <v>2570055</v>
      </c>
      <c r="B1865" s="8" t="s">
        <v>1799</v>
      </c>
    </row>
    <row r="1866" spans="1:2">
      <c r="A1866" s="8">
        <v>2570031</v>
      </c>
      <c r="B1866" s="8" t="s">
        <v>1800</v>
      </c>
    </row>
    <row r="1867" spans="1:2">
      <c r="A1867" s="8">
        <v>2570034</v>
      </c>
      <c r="B1867" s="8" t="s">
        <v>1801</v>
      </c>
    </row>
    <row r="1868" spans="1:2">
      <c r="A1868" s="8">
        <v>2570017</v>
      </c>
      <c r="B1868" s="8" t="s">
        <v>1802</v>
      </c>
    </row>
    <row r="1869" spans="1:2">
      <c r="A1869" s="8">
        <v>2591324</v>
      </c>
      <c r="B1869" s="8" t="s">
        <v>1803</v>
      </c>
    </row>
    <row r="1870" spans="1:2">
      <c r="A1870" s="8">
        <v>2570007</v>
      </c>
      <c r="B1870" s="8" t="s">
        <v>1804</v>
      </c>
    </row>
    <row r="1871" spans="1:2">
      <c r="A1871" s="8">
        <v>2570002</v>
      </c>
      <c r="B1871" s="8" t="s">
        <v>1805</v>
      </c>
    </row>
    <row r="1872" spans="1:2">
      <c r="A1872" s="8">
        <v>2570001</v>
      </c>
      <c r="B1872" s="8" t="s">
        <v>1806</v>
      </c>
    </row>
    <row r="1873" spans="1:2">
      <c r="A1873" s="8">
        <v>2570023</v>
      </c>
      <c r="B1873" s="8" t="s">
        <v>1807</v>
      </c>
    </row>
    <row r="1874" spans="1:2">
      <c r="A1874" s="8">
        <v>2591306</v>
      </c>
      <c r="B1874" s="8" t="s">
        <v>1808</v>
      </c>
    </row>
    <row r="1875" spans="1:2">
      <c r="A1875" s="8">
        <v>2570016</v>
      </c>
      <c r="B1875" s="8" t="s">
        <v>2215</v>
      </c>
    </row>
    <row r="1876" spans="1:2">
      <c r="A1876" s="8">
        <v>2591323</v>
      </c>
      <c r="B1876" s="8" t="s">
        <v>2215</v>
      </c>
    </row>
    <row r="1877" spans="1:2">
      <c r="A1877" s="8">
        <v>2570024</v>
      </c>
      <c r="B1877" s="8" t="s">
        <v>1809</v>
      </c>
    </row>
    <row r="1878" spans="1:2">
      <c r="A1878" s="8">
        <v>2591317</v>
      </c>
      <c r="B1878" s="8" t="s">
        <v>1810</v>
      </c>
    </row>
    <row r="1879" spans="1:2">
      <c r="A1879" s="8">
        <v>2570012</v>
      </c>
      <c r="B1879" s="8" t="s">
        <v>1811</v>
      </c>
    </row>
    <row r="1880" spans="1:2">
      <c r="A1880" s="8">
        <v>2570027</v>
      </c>
      <c r="B1880" s="8" t="s">
        <v>1812</v>
      </c>
    </row>
    <row r="1881" spans="1:2">
      <c r="A1881" s="8">
        <v>2591316</v>
      </c>
      <c r="B1881" s="8" t="s">
        <v>1813</v>
      </c>
    </row>
    <row r="1882" spans="1:2">
      <c r="A1882" s="8">
        <v>2591325</v>
      </c>
      <c r="B1882" s="8" t="s">
        <v>1814</v>
      </c>
    </row>
    <row r="1883" spans="1:2">
      <c r="A1883" s="8">
        <v>2591333</v>
      </c>
      <c r="B1883" s="8" t="s">
        <v>1815</v>
      </c>
    </row>
    <row r="1884" spans="1:2">
      <c r="A1884" s="8">
        <v>2591301</v>
      </c>
      <c r="B1884" s="8" t="s">
        <v>1816</v>
      </c>
    </row>
    <row r="1885" spans="1:2">
      <c r="A1885" s="8">
        <v>2570028</v>
      </c>
      <c r="B1885" s="8" t="s">
        <v>1817</v>
      </c>
    </row>
    <row r="1886" spans="1:2">
      <c r="A1886" s="8">
        <v>2570046</v>
      </c>
      <c r="B1886" s="8" t="s">
        <v>1818</v>
      </c>
    </row>
    <row r="1887" spans="1:2">
      <c r="A1887" s="8">
        <v>2570015</v>
      </c>
      <c r="B1887" s="8" t="s">
        <v>1819</v>
      </c>
    </row>
    <row r="1888" spans="1:2">
      <c r="A1888" s="8">
        <v>2570057</v>
      </c>
      <c r="B1888" s="8" t="s">
        <v>1820</v>
      </c>
    </row>
    <row r="1889" spans="1:2">
      <c r="A1889" s="8">
        <v>2570044</v>
      </c>
      <c r="B1889" s="8" t="s">
        <v>1821</v>
      </c>
    </row>
    <row r="1890" spans="1:2">
      <c r="A1890" s="8">
        <v>2591302</v>
      </c>
      <c r="B1890" s="8" t="s">
        <v>1822</v>
      </c>
    </row>
    <row r="1891" spans="1:2">
      <c r="A1891" s="8">
        <v>2591305</v>
      </c>
      <c r="B1891" s="8" t="s">
        <v>1823</v>
      </c>
    </row>
    <row r="1892" spans="1:2">
      <c r="A1892" s="8">
        <v>2591304</v>
      </c>
      <c r="B1892" s="8" t="s">
        <v>1824</v>
      </c>
    </row>
    <row r="1893" spans="1:2">
      <c r="A1893" s="8">
        <v>2591331</v>
      </c>
      <c r="B1893" s="8" t="s">
        <v>1825</v>
      </c>
    </row>
    <row r="1894" spans="1:2">
      <c r="A1894" s="8">
        <v>2570035</v>
      </c>
      <c r="B1894" s="8" t="s">
        <v>1826</v>
      </c>
    </row>
    <row r="1895" spans="1:2">
      <c r="A1895" s="8">
        <v>2591321</v>
      </c>
      <c r="B1895" s="8" t="s">
        <v>1827</v>
      </c>
    </row>
    <row r="1896" spans="1:2">
      <c r="A1896" s="8">
        <v>2591313</v>
      </c>
      <c r="B1896" s="8" t="s">
        <v>1828</v>
      </c>
    </row>
    <row r="1897" spans="1:2">
      <c r="A1897" s="8">
        <v>2591335</v>
      </c>
      <c r="B1897" s="8" t="s">
        <v>1829</v>
      </c>
    </row>
    <row r="1898" spans="1:2">
      <c r="A1898" s="8">
        <v>2570054</v>
      </c>
      <c r="B1898" s="8" t="s">
        <v>1830</v>
      </c>
    </row>
    <row r="1899" spans="1:2">
      <c r="A1899" s="8">
        <v>2570013</v>
      </c>
      <c r="B1899" s="8" t="s">
        <v>1831</v>
      </c>
    </row>
    <row r="1900" spans="1:2">
      <c r="A1900" s="8">
        <v>2570003</v>
      </c>
      <c r="B1900" s="8" t="s">
        <v>1832</v>
      </c>
    </row>
    <row r="1901" spans="1:2">
      <c r="A1901" s="8">
        <v>2570021</v>
      </c>
      <c r="B1901" s="8" t="s">
        <v>1833</v>
      </c>
    </row>
    <row r="1902" spans="1:2">
      <c r="A1902" s="8">
        <v>2570033</v>
      </c>
      <c r="B1902" s="8" t="s">
        <v>1834</v>
      </c>
    </row>
    <row r="1903" spans="1:2">
      <c r="A1903" s="8">
        <v>2570036</v>
      </c>
      <c r="B1903" s="8" t="s">
        <v>1835</v>
      </c>
    </row>
    <row r="1904" spans="1:2">
      <c r="A1904" s="8">
        <v>2591334</v>
      </c>
      <c r="B1904" s="8" t="s">
        <v>1836</v>
      </c>
    </row>
    <row r="1905" spans="1:2">
      <c r="A1905" s="8">
        <v>2591315</v>
      </c>
      <c r="B1905" s="8" t="s">
        <v>1837</v>
      </c>
    </row>
    <row r="1906" spans="1:2">
      <c r="A1906" s="8">
        <v>2591311</v>
      </c>
      <c r="B1906" s="8" t="s">
        <v>1838</v>
      </c>
    </row>
    <row r="1907" spans="1:2">
      <c r="A1907" s="8">
        <v>2591307</v>
      </c>
      <c r="B1907" s="8" t="s">
        <v>1839</v>
      </c>
    </row>
    <row r="1908" spans="1:2">
      <c r="A1908" s="8">
        <v>2591314</v>
      </c>
      <c r="B1908" s="8" t="s">
        <v>1840</v>
      </c>
    </row>
    <row r="1909" spans="1:2">
      <c r="A1909" s="8">
        <v>2430000</v>
      </c>
      <c r="B1909" s="8" t="s">
        <v>113</v>
      </c>
    </row>
    <row r="1910" spans="1:2">
      <c r="A1910" s="8">
        <v>2430035</v>
      </c>
      <c r="B1910" s="8" t="s">
        <v>1841</v>
      </c>
    </row>
    <row r="1911" spans="1:2">
      <c r="A1911" s="8">
        <v>2430028</v>
      </c>
      <c r="B1911" s="8" t="s">
        <v>1842</v>
      </c>
    </row>
    <row r="1912" spans="1:2">
      <c r="A1912" s="8">
        <v>2430027</v>
      </c>
      <c r="B1912" s="8" t="s">
        <v>1843</v>
      </c>
    </row>
    <row r="1913" spans="1:2">
      <c r="A1913" s="8">
        <v>2430038</v>
      </c>
      <c r="B1913" s="8" t="s">
        <v>1844</v>
      </c>
    </row>
    <row r="1914" spans="1:2">
      <c r="A1914" s="8">
        <v>2430014</v>
      </c>
      <c r="B1914" s="8" t="s">
        <v>1845</v>
      </c>
    </row>
    <row r="1915" spans="1:2">
      <c r="A1915" s="8">
        <v>2430007</v>
      </c>
      <c r="B1915" s="8" t="s">
        <v>1846</v>
      </c>
    </row>
    <row r="1916" spans="1:2">
      <c r="A1916" s="8">
        <v>2430011</v>
      </c>
      <c r="B1916" s="8" t="s">
        <v>1847</v>
      </c>
    </row>
    <row r="1917" spans="1:2">
      <c r="A1917" s="8">
        <v>2430006</v>
      </c>
      <c r="B1917" s="8" t="s">
        <v>1848</v>
      </c>
    </row>
    <row r="1918" spans="1:2">
      <c r="A1918" s="8">
        <v>2430213</v>
      </c>
      <c r="B1918" s="8" t="s">
        <v>1849</v>
      </c>
    </row>
    <row r="1919" spans="1:2">
      <c r="A1919" s="8">
        <v>2430218</v>
      </c>
      <c r="B1919" s="8" t="s">
        <v>1850</v>
      </c>
    </row>
    <row r="1920" spans="1:2">
      <c r="A1920" s="8">
        <v>2430013</v>
      </c>
      <c r="B1920" s="8" t="s">
        <v>1851</v>
      </c>
    </row>
    <row r="1921" spans="1:2">
      <c r="A1921" s="8">
        <v>2430212</v>
      </c>
      <c r="B1921" s="8" t="s">
        <v>1852</v>
      </c>
    </row>
    <row r="1922" spans="1:2">
      <c r="A1922" s="8">
        <v>2430817</v>
      </c>
      <c r="B1922" s="8" t="s">
        <v>1853</v>
      </c>
    </row>
    <row r="1923" spans="1:2">
      <c r="A1923" s="8">
        <v>2430021</v>
      </c>
      <c r="B1923" s="8" t="s">
        <v>1854</v>
      </c>
    </row>
    <row r="1924" spans="1:2">
      <c r="A1924" s="8">
        <v>2430126</v>
      </c>
      <c r="B1924" s="8" t="s">
        <v>1855</v>
      </c>
    </row>
    <row r="1925" spans="1:2">
      <c r="A1925" s="8">
        <v>2430125</v>
      </c>
      <c r="B1925" s="8" t="s">
        <v>1856</v>
      </c>
    </row>
    <row r="1926" spans="1:2">
      <c r="A1926" s="8">
        <v>2430032</v>
      </c>
      <c r="B1926" s="8" t="s">
        <v>1857</v>
      </c>
    </row>
    <row r="1927" spans="1:2">
      <c r="A1927" s="8">
        <v>2430807</v>
      </c>
      <c r="B1927" s="8" t="s">
        <v>1858</v>
      </c>
    </row>
    <row r="1928" spans="1:2">
      <c r="A1928" s="8">
        <v>2430801</v>
      </c>
      <c r="B1928" s="8" t="s">
        <v>1859</v>
      </c>
    </row>
    <row r="1929" spans="1:2">
      <c r="A1929" s="8">
        <v>2430201</v>
      </c>
      <c r="B1929" s="8" t="s">
        <v>1860</v>
      </c>
    </row>
    <row r="1930" spans="1:2">
      <c r="A1930" s="8">
        <v>2430025</v>
      </c>
      <c r="B1930" s="8" t="s">
        <v>1861</v>
      </c>
    </row>
    <row r="1931" spans="1:2">
      <c r="A1931" s="8">
        <v>2430215</v>
      </c>
      <c r="B1931" s="8" t="s">
        <v>1862</v>
      </c>
    </row>
    <row r="1932" spans="1:2">
      <c r="A1932" s="8">
        <v>2430003</v>
      </c>
      <c r="B1932" s="8" t="s">
        <v>1863</v>
      </c>
    </row>
    <row r="1933" spans="1:2">
      <c r="A1933" s="8">
        <v>2430012</v>
      </c>
      <c r="B1933" s="8" t="s">
        <v>1864</v>
      </c>
    </row>
    <row r="1934" spans="1:2">
      <c r="A1934" s="8">
        <v>2430022</v>
      </c>
      <c r="B1934" s="8" t="s">
        <v>1865</v>
      </c>
    </row>
    <row r="1935" spans="1:2">
      <c r="A1935" s="8">
        <v>2430017</v>
      </c>
      <c r="B1935" s="8" t="s">
        <v>1866</v>
      </c>
    </row>
    <row r="1936" spans="1:2">
      <c r="A1936" s="8">
        <v>2430802</v>
      </c>
      <c r="B1936" s="8" t="s">
        <v>1867</v>
      </c>
    </row>
    <row r="1937" spans="1:2">
      <c r="A1937" s="8">
        <v>2430211</v>
      </c>
      <c r="B1937" s="8" t="s">
        <v>1868</v>
      </c>
    </row>
    <row r="1938" spans="1:2">
      <c r="A1938" s="8">
        <v>2430217</v>
      </c>
      <c r="B1938" s="8" t="s">
        <v>1869</v>
      </c>
    </row>
    <row r="1939" spans="1:2">
      <c r="A1939" s="8">
        <v>2430806</v>
      </c>
      <c r="B1939" s="8" t="s">
        <v>1870</v>
      </c>
    </row>
    <row r="1940" spans="1:2">
      <c r="A1940" s="8">
        <v>2430203</v>
      </c>
      <c r="B1940" s="8" t="s">
        <v>1871</v>
      </c>
    </row>
    <row r="1941" spans="1:2">
      <c r="A1941" s="8">
        <v>2430206</v>
      </c>
      <c r="B1941" s="8" t="s">
        <v>1872</v>
      </c>
    </row>
    <row r="1942" spans="1:2">
      <c r="A1942" s="8">
        <v>2430026</v>
      </c>
      <c r="B1942" s="8" t="s">
        <v>1873</v>
      </c>
    </row>
    <row r="1943" spans="1:2">
      <c r="A1943" s="8">
        <v>2430214</v>
      </c>
      <c r="B1943" s="8" t="s">
        <v>1874</v>
      </c>
    </row>
    <row r="1944" spans="1:2">
      <c r="A1944" s="8">
        <v>2430804</v>
      </c>
      <c r="B1944" s="8" t="s">
        <v>1875</v>
      </c>
    </row>
    <row r="1945" spans="1:2">
      <c r="A1945" s="8">
        <v>2430205</v>
      </c>
      <c r="B1945" s="8" t="s">
        <v>1876</v>
      </c>
    </row>
    <row r="1946" spans="1:2">
      <c r="A1946" s="8">
        <v>2430016</v>
      </c>
      <c r="B1946" s="8" t="s">
        <v>1877</v>
      </c>
    </row>
    <row r="1947" spans="1:2">
      <c r="A1947" s="8">
        <v>2430811</v>
      </c>
      <c r="B1947" s="8" t="s">
        <v>1878</v>
      </c>
    </row>
    <row r="1948" spans="1:2">
      <c r="A1948" s="8">
        <v>2430813</v>
      </c>
      <c r="B1948" s="8" t="s">
        <v>1879</v>
      </c>
    </row>
    <row r="1949" spans="1:2">
      <c r="A1949" s="8">
        <v>2430815</v>
      </c>
      <c r="B1949" s="8" t="s">
        <v>1880</v>
      </c>
    </row>
    <row r="1950" spans="1:2">
      <c r="A1950" s="8">
        <v>2430814</v>
      </c>
      <c r="B1950" s="8" t="s">
        <v>1881</v>
      </c>
    </row>
    <row r="1951" spans="1:2">
      <c r="A1951" s="8">
        <v>2430812</v>
      </c>
      <c r="B1951" s="8" t="s">
        <v>1882</v>
      </c>
    </row>
    <row r="1952" spans="1:2">
      <c r="A1952" s="8">
        <v>2430023</v>
      </c>
      <c r="B1952" s="8" t="s">
        <v>1883</v>
      </c>
    </row>
    <row r="1953" spans="1:2">
      <c r="A1953" s="8">
        <v>2430204</v>
      </c>
      <c r="B1953" s="8" t="s">
        <v>1884</v>
      </c>
    </row>
    <row r="1954" spans="1:2">
      <c r="A1954" s="8">
        <v>2430031</v>
      </c>
      <c r="B1954" s="8" t="s">
        <v>1885</v>
      </c>
    </row>
    <row r="1955" spans="1:2">
      <c r="A1955" s="8">
        <v>2430805</v>
      </c>
      <c r="B1955" s="8" t="s">
        <v>1886</v>
      </c>
    </row>
    <row r="1956" spans="1:2">
      <c r="A1956" s="8">
        <v>2430202</v>
      </c>
      <c r="B1956" s="8" t="s">
        <v>1887</v>
      </c>
    </row>
    <row r="1957" spans="1:2">
      <c r="A1957" s="8">
        <v>2430018</v>
      </c>
      <c r="B1957" s="8" t="s">
        <v>1888</v>
      </c>
    </row>
    <row r="1958" spans="1:2">
      <c r="A1958" s="8">
        <v>2430024</v>
      </c>
      <c r="B1958" s="8" t="s">
        <v>1889</v>
      </c>
    </row>
    <row r="1959" spans="1:2">
      <c r="A1959" s="8">
        <v>2430121</v>
      </c>
      <c r="B1959" s="8" t="s">
        <v>1890</v>
      </c>
    </row>
    <row r="1960" spans="1:2">
      <c r="A1960" s="8">
        <v>2430033</v>
      </c>
      <c r="B1960" s="8" t="s">
        <v>1891</v>
      </c>
    </row>
    <row r="1961" spans="1:2">
      <c r="A1961" s="8">
        <v>2430039</v>
      </c>
      <c r="B1961" s="8" t="s">
        <v>1892</v>
      </c>
    </row>
    <row r="1962" spans="1:2">
      <c r="A1962" s="8">
        <v>2430036</v>
      </c>
      <c r="B1962" s="8" t="s">
        <v>1893</v>
      </c>
    </row>
    <row r="1963" spans="1:2">
      <c r="A1963" s="8">
        <v>2430816</v>
      </c>
      <c r="B1963" s="8" t="s">
        <v>1894</v>
      </c>
    </row>
    <row r="1964" spans="1:2">
      <c r="A1964" s="8">
        <v>2430001</v>
      </c>
      <c r="B1964" s="8" t="s">
        <v>1895</v>
      </c>
    </row>
    <row r="1965" spans="1:2">
      <c r="A1965" s="8">
        <v>2430034</v>
      </c>
      <c r="B1965" s="8" t="s">
        <v>1896</v>
      </c>
    </row>
    <row r="1966" spans="1:2">
      <c r="A1966" s="8">
        <v>2430005</v>
      </c>
      <c r="B1966" s="8" t="s">
        <v>1897</v>
      </c>
    </row>
    <row r="1967" spans="1:2">
      <c r="A1967" s="8">
        <v>2430207</v>
      </c>
      <c r="B1967" s="8" t="s">
        <v>1898</v>
      </c>
    </row>
    <row r="1968" spans="1:2">
      <c r="A1968" s="8">
        <v>2430004</v>
      </c>
      <c r="B1968" s="8" t="s">
        <v>1899</v>
      </c>
    </row>
    <row r="1969" spans="1:2">
      <c r="A1969" s="8">
        <v>2430041</v>
      </c>
      <c r="B1969" s="8" t="s">
        <v>1900</v>
      </c>
    </row>
    <row r="1970" spans="1:2">
      <c r="A1970" s="8">
        <v>2430015</v>
      </c>
      <c r="B1970" s="8" t="s">
        <v>1901</v>
      </c>
    </row>
    <row r="1971" spans="1:2">
      <c r="A1971" s="8">
        <v>2430208</v>
      </c>
      <c r="B1971" s="8" t="s">
        <v>1902</v>
      </c>
    </row>
    <row r="1972" spans="1:2">
      <c r="A1972" s="8">
        <v>2430216</v>
      </c>
      <c r="B1972" s="8" t="s">
        <v>1903</v>
      </c>
    </row>
    <row r="1973" spans="1:2">
      <c r="A1973" s="8">
        <v>2430037</v>
      </c>
      <c r="B1973" s="8" t="s">
        <v>1904</v>
      </c>
    </row>
    <row r="1974" spans="1:2">
      <c r="A1974" s="8">
        <v>2430002</v>
      </c>
      <c r="B1974" s="8" t="s">
        <v>1905</v>
      </c>
    </row>
    <row r="1975" spans="1:2">
      <c r="A1975" s="8">
        <v>2430122</v>
      </c>
      <c r="B1975" s="8" t="s">
        <v>1906</v>
      </c>
    </row>
    <row r="1976" spans="1:2">
      <c r="A1976" s="8">
        <v>2430123</v>
      </c>
      <c r="B1976" s="8" t="s">
        <v>1907</v>
      </c>
    </row>
    <row r="1977" spans="1:2">
      <c r="A1977" s="8">
        <v>2430124</v>
      </c>
      <c r="B1977" s="8" t="s">
        <v>1908</v>
      </c>
    </row>
    <row r="1978" spans="1:2">
      <c r="A1978" s="8">
        <v>2430803</v>
      </c>
      <c r="B1978" s="8" t="s">
        <v>1909</v>
      </c>
    </row>
    <row r="1979" spans="1:2">
      <c r="A1979" s="8">
        <v>2420000</v>
      </c>
      <c r="B1979" s="8" t="s">
        <v>114</v>
      </c>
    </row>
    <row r="1980" spans="1:2">
      <c r="A1980" s="8">
        <v>2420029</v>
      </c>
      <c r="B1980" s="8" t="s">
        <v>1910</v>
      </c>
    </row>
    <row r="1981" spans="1:2">
      <c r="A1981" s="8">
        <v>2420014</v>
      </c>
      <c r="B1981" s="8" t="s">
        <v>1911</v>
      </c>
    </row>
    <row r="1982" spans="1:2">
      <c r="A1982" s="8">
        <v>2420028</v>
      </c>
      <c r="B1982" s="8" t="s">
        <v>1912</v>
      </c>
    </row>
    <row r="1983" spans="1:2">
      <c r="A1983" s="8">
        <v>2420023</v>
      </c>
      <c r="B1983" s="8" t="s">
        <v>1913</v>
      </c>
    </row>
    <row r="1984" spans="1:2">
      <c r="A1984" s="8">
        <v>2420027</v>
      </c>
      <c r="B1984" s="8" t="s">
        <v>1914</v>
      </c>
    </row>
    <row r="1985" spans="1:2">
      <c r="A1985" s="8">
        <v>2420001</v>
      </c>
      <c r="B1985" s="8" t="s">
        <v>1915</v>
      </c>
    </row>
    <row r="1986" spans="1:2">
      <c r="A1986" s="8">
        <v>2420015</v>
      </c>
      <c r="B1986" s="8" t="s">
        <v>1916</v>
      </c>
    </row>
    <row r="1987" spans="1:2">
      <c r="A1987" s="8">
        <v>2420026</v>
      </c>
      <c r="B1987" s="8" t="s">
        <v>1917</v>
      </c>
    </row>
    <row r="1988" spans="1:2">
      <c r="A1988" s="8">
        <v>2420025</v>
      </c>
      <c r="B1988" s="8" t="s">
        <v>1918</v>
      </c>
    </row>
    <row r="1989" spans="1:2">
      <c r="A1989" s="8">
        <v>2420021</v>
      </c>
      <c r="B1989" s="8" t="s">
        <v>1919</v>
      </c>
    </row>
    <row r="1990" spans="1:2">
      <c r="A1990" s="8">
        <v>2420007</v>
      </c>
      <c r="B1990" s="8" t="s">
        <v>1920</v>
      </c>
    </row>
    <row r="1991" spans="1:2">
      <c r="A1991" s="8">
        <v>2420008</v>
      </c>
      <c r="B1991" s="8" t="s">
        <v>1921</v>
      </c>
    </row>
    <row r="1992" spans="1:2">
      <c r="A1992" s="8">
        <v>2420002</v>
      </c>
      <c r="B1992" s="8" t="s">
        <v>1922</v>
      </c>
    </row>
    <row r="1993" spans="1:2">
      <c r="A1993" s="8">
        <v>2420004</v>
      </c>
      <c r="B1993" s="8" t="s">
        <v>1923</v>
      </c>
    </row>
    <row r="1994" spans="1:2">
      <c r="A1994" s="8">
        <v>2420005</v>
      </c>
      <c r="B1994" s="8" t="s">
        <v>1924</v>
      </c>
    </row>
    <row r="1995" spans="1:2">
      <c r="A1995" s="8">
        <v>2420011</v>
      </c>
      <c r="B1995" s="8" t="s">
        <v>1925</v>
      </c>
    </row>
    <row r="1996" spans="1:2">
      <c r="A1996" s="8">
        <v>2420013</v>
      </c>
      <c r="B1996" s="8" t="s">
        <v>1926</v>
      </c>
    </row>
    <row r="1997" spans="1:2">
      <c r="A1997" s="8">
        <v>2420012</v>
      </c>
      <c r="B1997" s="8" t="s">
        <v>1927</v>
      </c>
    </row>
    <row r="1998" spans="1:2">
      <c r="A1998" s="8">
        <v>2420018</v>
      </c>
      <c r="B1998" s="8" t="s">
        <v>1928</v>
      </c>
    </row>
    <row r="1999" spans="1:2">
      <c r="A1999" s="8">
        <v>2420024</v>
      </c>
      <c r="B1999" s="8" t="s">
        <v>1929</v>
      </c>
    </row>
    <row r="2000" spans="1:2">
      <c r="A2000" s="8">
        <v>2420006</v>
      </c>
      <c r="B2000" s="8" t="s">
        <v>1930</v>
      </c>
    </row>
    <row r="2001" spans="1:2">
      <c r="A2001" s="8">
        <v>2420022</v>
      </c>
      <c r="B2001" s="8" t="s">
        <v>1931</v>
      </c>
    </row>
    <row r="2002" spans="1:2">
      <c r="A2002" s="8">
        <v>2420017</v>
      </c>
      <c r="B2002" s="8" t="s">
        <v>1932</v>
      </c>
    </row>
    <row r="2003" spans="1:2">
      <c r="A2003" s="8">
        <v>2420016</v>
      </c>
      <c r="B2003" s="8" t="s">
        <v>1933</v>
      </c>
    </row>
    <row r="2004" spans="1:2">
      <c r="A2004" s="8">
        <v>2420003</v>
      </c>
      <c r="B2004" s="8" t="s">
        <v>1934</v>
      </c>
    </row>
    <row r="2005" spans="1:2">
      <c r="A2005" s="8">
        <v>2591100</v>
      </c>
      <c r="B2005" s="8" t="s">
        <v>115</v>
      </c>
    </row>
    <row r="2006" spans="1:2">
      <c r="A2006" s="8">
        <v>2591113</v>
      </c>
      <c r="B2006" s="8" t="s">
        <v>1935</v>
      </c>
    </row>
    <row r="2007" spans="1:2">
      <c r="A2007" s="8">
        <v>2591144</v>
      </c>
      <c r="B2007" s="8" t="s">
        <v>1936</v>
      </c>
    </row>
    <row r="2008" spans="1:2">
      <c r="A2008" s="8">
        <v>2591116</v>
      </c>
      <c r="B2008" s="8" t="s">
        <v>1937</v>
      </c>
    </row>
    <row r="2009" spans="1:2">
      <c r="A2009" s="8">
        <v>2591131</v>
      </c>
      <c r="B2009" s="8" t="s">
        <v>1938</v>
      </c>
    </row>
    <row r="2010" spans="1:2">
      <c r="A2010" s="8">
        <v>2591145</v>
      </c>
      <c r="B2010" s="8" t="s">
        <v>1939</v>
      </c>
    </row>
    <row r="2011" spans="1:2">
      <c r="A2011" s="8">
        <v>2591128</v>
      </c>
      <c r="B2011" s="8" t="s">
        <v>1940</v>
      </c>
    </row>
    <row r="2012" spans="1:2">
      <c r="A2012" s="8">
        <v>2591105</v>
      </c>
      <c r="B2012" s="8" t="s">
        <v>1941</v>
      </c>
    </row>
    <row r="2013" spans="1:2">
      <c r="A2013" s="8">
        <v>2591107</v>
      </c>
      <c r="B2013" s="8" t="s">
        <v>1942</v>
      </c>
    </row>
    <row r="2014" spans="1:2">
      <c r="A2014" s="8">
        <v>2591135</v>
      </c>
      <c r="B2014" s="8" t="s">
        <v>1943</v>
      </c>
    </row>
    <row r="2015" spans="1:2">
      <c r="A2015" s="8">
        <v>2591137</v>
      </c>
      <c r="B2015" s="8" t="s">
        <v>1944</v>
      </c>
    </row>
    <row r="2016" spans="1:2">
      <c r="A2016" s="8">
        <v>2591141</v>
      </c>
      <c r="B2016" s="8" t="s">
        <v>1945</v>
      </c>
    </row>
    <row r="2017" spans="1:2">
      <c r="A2017" s="8">
        <v>2591124</v>
      </c>
      <c r="B2017" s="8" t="s">
        <v>1946</v>
      </c>
    </row>
    <row r="2018" spans="1:2">
      <c r="A2018" s="8">
        <v>2591127</v>
      </c>
      <c r="B2018" s="8" t="s">
        <v>1947</v>
      </c>
    </row>
    <row r="2019" spans="1:2">
      <c r="A2019" s="8">
        <v>2591136</v>
      </c>
      <c r="B2019" s="8" t="s">
        <v>1948</v>
      </c>
    </row>
    <row r="2020" spans="1:2">
      <c r="A2020" s="8">
        <v>2591122</v>
      </c>
      <c r="B2020" s="8" t="s">
        <v>1949</v>
      </c>
    </row>
    <row r="2021" spans="1:2">
      <c r="A2021" s="8">
        <v>2591138</v>
      </c>
      <c r="B2021" s="8" t="s">
        <v>1950</v>
      </c>
    </row>
    <row r="2022" spans="1:2">
      <c r="A2022" s="8">
        <v>2591102</v>
      </c>
      <c r="B2022" s="8" t="s">
        <v>1951</v>
      </c>
    </row>
    <row r="2023" spans="1:2">
      <c r="A2023" s="8">
        <v>2591132</v>
      </c>
      <c r="B2023" s="8" t="s">
        <v>1952</v>
      </c>
    </row>
    <row r="2024" spans="1:2">
      <c r="A2024" s="8">
        <v>2591103</v>
      </c>
      <c r="B2024" s="8" t="s">
        <v>1953</v>
      </c>
    </row>
    <row r="2025" spans="1:2">
      <c r="A2025" s="8">
        <v>2591121</v>
      </c>
      <c r="B2025" s="8" t="s">
        <v>1954</v>
      </c>
    </row>
    <row r="2026" spans="1:2">
      <c r="A2026" s="8">
        <v>2591143</v>
      </c>
      <c r="B2026" s="8" t="s">
        <v>1955</v>
      </c>
    </row>
    <row r="2027" spans="1:2">
      <c r="A2027" s="8">
        <v>2591148</v>
      </c>
      <c r="B2027" s="8" t="s">
        <v>1956</v>
      </c>
    </row>
    <row r="2028" spans="1:2">
      <c r="A2028" s="8">
        <v>2591125</v>
      </c>
      <c r="B2028" s="8" t="s">
        <v>1957</v>
      </c>
    </row>
    <row r="2029" spans="1:2">
      <c r="A2029" s="8">
        <v>2591123</v>
      </c>
      <c r="B2029" s="8" t="s">
        <v>1958</v>
      </c>
    </row>
    <row r="2030" spans="1:2">
      <c r="A2030" s="8">
        <v>2591147</v>
      </c>
      <c r="B2030" s="8" t="s">
        <v>1959</v>
      </c>
    </row>
    <row r="2031" spans="1:2">
      <c r="A2031" s="8">
        <v>2591146</v>
      </c>
      <c r="B2031" s="8" t="s">
        <v>1960</v>
      </c>
    </row>
    <row r="2032" spans="1:2">
      <c r="A2032" s="8">
        <v>2591106</v>
      </c>
      <c r="B2032" s="8" t="s">
        <v>1961</v>
      </c>
    </row>
    <row r="2033" spans="1:2">
      <c r="A2033" s="8">
        <v>2591114</v>
      </c>
      <c r="B2033" s="8" t="s">
        <v>1962</v>
      </c>
    </row>
    <row r="2034" spans="1:2">
      <c r="A2034" s="8">
        <v>2591115</v>
      </c>
      <c r="B2034" s="8" t="s">
        <v>1963</v>
      </c>
    </row>
    <row r="2035" spans="1:2">
      <c r="A2035" s="8">
        <v>2591142</v>
      </c>
      <c r="B2035" s="8" t="s">
        <v>1964</v>
      </c>
    </row>
    <row r="2036" spans="1:2">
      <c r="A2036" s="8">
        <v>2591104</v>
      </c>
      <c r="B2036" s="8" t="s">
        <v>1965</v>
      </c>
    </row>
    <row r="2037" spans="1:2">
      <c r="A2037" s="8">
        <v>2591111</v>
      </c>
      <c r="B2037" s="8" t="s">
        <v>1966</v>
      </c>
    </row>
    <row r="2038" spans="1:2">
      <c r="A2038" s="8">
        <v>2591126</v>
      </c>
      <c r="B2038" s="8" t="s">
        <v>1967</v>
      </c>
    </row>
    <row r="2039" spans="1:2">
      <c r="A2039" s="8">
        <v>2591134</v>
      </c>
      <c r="B2039" s="8" t="s">
        <v>1968</v>
      </c>
    </row>
    <row r="2040" spans="1:2">
      <c r="A2040" s="8">
        <v>2591133</v>
      </c>
      <c r="B2040" s="8" t="s">
        <v>1969</v>
      </c>
    </row>
    <row r="2041" spans="1:2">
      <c r="A2041" s="8">
        <v>2591112</v>
      </c>
      <c r="B2041" s="8" t="s">
        <v>1970</v>
      </c>
    </row>
    <row r="2042" spans="1:2">
      <c r="A2042" s="8">
        <v>2591117</v>
      </c>
      <c r="B2042" s="8" t="s">
        <v>1971</v>
      </c>
    </row>
    <row r="2043" spans="1:2">
      <c r="A2043" s="8">
        <v>2591101</v>
      </c>
      <c r="B2043" s="8" t="s">
        <v>1972</v>
      </c>
    </row>
    <row r="2044" spans="1:2">
      <c r="A2044" s="8">
        <v>2591118</v>
      </c>
      <c r="B2044" s="8" t="s">
        <v>1973</v>
      </c>
    </row>
    <row r="2045" spans="1:2">
      <c r="A2045" s="8">
        <v>2430400</v>
      </c>
      <c r="B2045" s="8" t="s">
        <v>116</v>
      </c>
    </row>
    <row r="2046" spans="1:2">
      <c r="A2046" s="8">
        <v>2430437</v>
      </c>
      <c r="B2046" s="8" t="s">
        <v>1974</v>
      </c>
    </row>
    <row r="2047" spans="1:2">
      <c r="A2047" s="8">
        <v>2430423</v>
      </c>
      <c r="B2047" s="8" t="s">
        <v>1975</v>
      </c>
    </row>
    <row r="2048" spans="1:2">
      <c r="A2048" s="8">
        <v>2430436</v>
      </c>
      <c r="B2048" s="8" t="s">
        <v>1976</v>
      </c>
    </row>
    <row r="2049" spans="1:2">
      <c r="A2049" s="8">
        <v>2430411</v>
      </c>
      <c r="B2049" s="8" t="s">
        <v>1977</v>
      </c>
    </row>
    <row r="2050" spans="1:2">
      <c r="A2050" s="8">
        <v>2430419</v>
      </c>
      <c r="B2050" s="8" t="s">
        <v>1978</v>
      </c>
    </row>
    <row r="2051" spans="1:2">
      <c r="A2051" s="8">
        <v>2430418</v>
      </c>
      <c r="B2051" s="8" t="s">
        <v>1979</v>
      </c>
    </row>
    <row r="2052" spans="1:2">
      <c r="A2052" s="8">
        <v>2430402</v>
      </c>
      <c r="B2052" s="8" t="s">
        <v>1980</v>
      </c>
    </row>
    <row r="2053" spans="1:2">
      <c r="A2053" s="8">
        <v>2430404</v>
      </c>
      <c r="B2053" s="8" t="s">
        <v>1981</v>
      </c>
    </row>
    <row r="2054" spans="1:2">
      <c r="A2054" s="8">
        <v>2430426</v>
      </c>
      <c r="B2054" s="8" t="s">
        <v>1982</v>
      </c>
    </row>
    <row r="2055" spans="1:2">
      <c r="A2055" s="8">
        <v>2430431</v>
      </c>
      <c r="B2055" s="8" t="s">
        <v>1983</v>
      </c>
    </row>
    <row r="2056" spans="1:2">
      <c r="A2056" s="8">
        <v>2430434</v>
      </c>
      <c r="B2056" s="8" t="s">
        <v>1984</v>
      </c>
    </row>
    <row r="2057" spans="1:2">
      <c r="A2057" s="8">
        <v>2430415</v>
      </c>
      <c r="B2057" s="8" t="s">
        <v>1985</v>
      </c>
    </row>
    <row r="2058" spans="1:2">
      <c r="A2058" s="8">
        <v>2430433</v>
      </c>
      <c r="B2058" s="8" t="s">
        <v>1986</v>
      </c>
    </row>
    <row r="2059" spans="1:2">
      <c r="A2059" s="8">
        <v>2430413</v>
      </c>
      <c r="B2059" s="8" t="s">
        <v>1987</v>
      </c>
    </row>
    <row r="2060" spans="1:2">
      <c r="A2060" s="8">
        <v>2430405</v>
      </c>
      <c r="B2060" s="8" t="s">
        <v>1988</v>
      </c>
    </row>
    <row r="2061" spans="1:2">
      <c r="A2061" s="8">
        <v>2430406</v>
      </c>
      <c r="B2061" s="8" t="s">
        <v>1989</v>
      </c>
    </row>
    <row r="2062" spans="1:2">
      <c r="A2062" s="8">
        <v>2430421</v>
      </c>
      <c r="B2062" s="8" t="s">
        <v>1990</v>
      </c>
    </row>
    <row r="2063" spans="1:2">
      <c r="A2063" s="8">
        <v>2430435</v>
      </c>
      <c r="B2063" s="8" t="s">
        <v>1991</v>
      </c>
    </row>
    <row r="2064" spans="1:2">
      <c r="A2064" s="8">
        <v>2430424</v>
      </c>
      <c r="B2064" s="8" t="s">
        <v>1992</v>
      </c>
    </row>
    <row r="2065" spans="1:2">
      <c r="A2065" s="8">
        <v>2430414</v>
      </c>
      <c r="B2065" s="8" t="s">
        <v>1993</v>
      </c>
    </row>
    <row r="2066" spans="1:2">
      <c r="A2066" s="8">
        <v>2430410</v>
      </c>
      <c r="B2066" s="8" t="s">
        <v>1994</v>
      </c>
    </row>
    <row r="2067" spans="1:2">
      <c r="A2067" s="8">
        <v>2430427</v>
      </c>
      <c r="B2067" s="8" t="s">
        <v>1995</v>
      </c>
    </row>
    <row r="2068" spans="1:2">
      <c r="A2068" s="8">
        <v>2430432</v>
      </c>
      <c r="B2068" s="8" t="s">
        <v>1996</v>
      </c>
    </row>
    <row r="2069" spans="1:2">
      <c r="A2069" s="8">
        <v>2430416</v>
      </c>
      <c r="B2069" s="8" t="s">
        <v>1997</v>
      </c>
    </row>
    <row r="2070" spans="1:2">
      <c r="A2070" s="8">
        <v>2430422</v>
      </c>
      <c r="B2070" s="8" t="s">
        <v>1998</v>
      </c>
    </row>
    <row r="2071" spans="1:2">
      <c r="A2071" s="8">
        <v>2430425</v>
      </c>
      <c r="B2071" s="8" t="s">
        <v>1999</v>
      </c>
    </row>
    <row r="2072" spans="1:2">
      <c r="A2072" s="8">
        <v>2430412</v>
      </c>
      <c r="B2072" s="8" t="s">
        <v>2000</v>
      </c>
    </row>
    <row r="2073" spans="1:2">
      <c r="A2073" s="8">
        <v>2430401</v>
      </c>
      <c r="B2073" s="8" t="s">
        <v>2001</v>
      </c>
    </row>
    <row r="2074" spans="1:2">
      <c r="A2074" s="8">
        <v>2430417</v>
      </c>
      <c r="B2074" s="8" t="s">
        <v>2002</v>
      </c>
    </row>
    <row r="2075" spans="1:2">
      <c r="A2075" s="8">
        <v>2430438</v>
      </c>
      <c r="B2075" s="8" t="s">
        <v>2003</v>
      </c>
    </row>
    <row r="2076" spans="1:2">
      <c r="A2076" s="8">
        <v>2430403</v>
      </c>
      <c r="B2076" s="8" t="s">
        <v>2004</v>
      </c>
    </row>
    <row r="2077" spans="1:2">
      <c r="A2077" s="8">
        <v>2520000</v>
      </c>
      <c r="B2077" s="8" t="s">
        <v>117</v>
      </c>
    </row>
    <row r="2078" spans="1:2">
      <c r="A2078" s="8">
        <v>2520029</v>
      </c>
      <c r="B2078" s="8" t="s">
        <v>2005</v>
      </c>
    </row>
    <row r="2079" spans="1:2">
      <c r="A2079" s="8">
        <v>2520028</v>
      </c>
      <c r="B2079" s="8" t="s">
        <v>2006</v>
      </c>
    </row>
    <row r="2080" spans="1:2">
      <c r="A2080" s="8">
        <v>2520013</v>
      </c>
      <c r="B2080" s="8" t="s">
        <v>2007</v>
      </c>
    </row>
    <row r="2081" spans="1:2">
      <c r="A2081" s="8">
        <v>2520014</v>
      </c>
      <c r="B2081" s="8" t="s">
        <v>2008</v>
      </c>
    </row>
    <row r="2082" spans="1:2">
      <c r="A2082" s="8">
        <v>2520002</v>
      </c>
      <c r="B2082" s="8" t="s">
        <v>2009</v>
      </c>
    </row>
    <row r="2083" spans="1:2">
      <c r="A2083" s="8">
        <v>2520001</v>
      </c>
      <c r="B2083" s="8" t="s">
        <v>2010</v>
      </c>
    </row>
    <row r="2084" spans="1:2">
      <c r="A2084" s="8">
        <v>2520005</v>
      </c>
      <c r="B2084" s="8" t="s">
        <v>2011</v>
      </c>
    </row>
    <row r="2085" spans="1:2">
      <c r="A2085" s="8">
        <v>2520027</v>
      </c>
      <c r="B2085" s="8" t="s">
        <v>2012</v>
      </c>
    </row>
    <row r="2086" spans="1:2">
      <c r="A2086" s="8">
        <v>2520026</v>
      </c>
      <c r="B2086" s="8" t="s">
        <v>2013</v>
      </c>
    </row>
    <row r="2087" spans="1:2">
      <c r="A2087" s="8">
        <v>2520011</v>
      </c>
      <c r="B2087" s="8" t="s">
        <v>2014</v>
      </c>
    </row>
    <row r="2088" spans="1:2">
      <c r="A2088" s="8">
        <v>2520023</v>
      </c>
      <c r="B2088" s="8" t="s">
        <v>2015</v>
      </c>
    </row>
    <row r="2089" spans="1:2">
      <c r="A2089" s="8">
        <v>2520016</v>
      </c>
      <c r="B2089" s="8" t="s">
        <v>2016</v>
      </c>
    </row>
    <row r="2090" spans="1:2">
      <c r="A2090" s="8">
        <v>2520004</v>
      </c>
      <c r="B2090" s="8" t="s">
        <v>2017</v>
      </c>
    </row>
    <row r="2091" spans="1:2">
      <c r="A2091" s="8">
        <v>2520003</v>
      </c>
      <c r="B2091" s="8" t="s">
        <v>2018</v>
      </c>
    </row>
    <row r="2092" spans="1:2">
      <c r="A2092" s="8">
        <v>2520012</v>
      </c>
      <c r="B2092" s="8" t="s">
        <v>2019</v>
      </c>
    </row>
    <row r="2093" spans="1:2">
      <c r="A2093" s="8">
        <v>2520021</v>
      </c>
      <c r="B2093" s="8" t="s">
        <v>2020</v>
      </c>
    </row>
    <row r="2094" spans="1:2">
      <c r="A2094" s="8">
        <v>2520015</v>
      </c>
      <c r="B2094" s="8" t="s">
        <v>2021</v>
      </c>
    </row>
    <row r="2095" spans="1:2">
      <c r="A2095" s="8">
        <v>2520022</v>
      </c>
      <c r="B2095" s="8" t="s">
        <v>2022</v>
      </c>
    </row>
    <row r="2096" spans="1:2">
      <c r="A2096" s="8">
        <v>2520025</v>
      </c>
      <c r="B2096" s="8" t="s">
        <v>2023</v>
      </c>
    </row>
    <row r="2097" spans="1:2">
      <c r="A2097" s="8">
        <v>2500100</v>
      </c>
      <c r="B2097" s="8" t="s">
        <v>118</v>
      </c>
    </row>
    <row r="2098" spans="1:2">
      <c r="A2098" s="8">
        <v>2500134</v>
      </c>
      <c r="B2098" s="8" t="s">
        <v>2024</v>
      </c>
    </row>
    <row r="2099" spans="1:2">
      <c r="A2099" s="8">
        <v>2500122</v>
      </c>
      <c r="B2099" s="8" t="s">
        <v>2025</v>
      </c>
    </row>
    <row r="2100" spans="1:2">
      <c r="A2100" s="8">
        <v>2500124</v>
      </c>
      <c r="B2100" s="8" t="s">
        <v>2026</v>
      </c>
    </row>
    <row r="2101" spans="1:2">
      <c r="A2101" s="8">
        <v>2500113</v>
      </c>
      <c r="B2101" s="8" t="s">
        <v>2027</v>
      </c>
    </row>
    <row r="2102" spans="1:2">
      <c r="A2102" s="8">
        <v>2500131</v>
      </c>
      <c r="B2102" s="8" t="s">
        <v>2028</v>
      </c>
    </row>
    <row r="2103" spans="1:2">
      <c r="A2103" s="8">
        <v>2500126</v>
      </c>
      <c r="B2103" s="8" t="s">
        <v>2029</v>
      </c>
    </row>
    <row r="2104" spans="1:2">
      <c r="A2104" s="8">
        <v>2500135</v>
      </c>
      <c r="B2104" s="8" t="s">
        <v>2030</v>
      </c>
    </row>
    <row r="2105" spans="1:2">
      <c r="A2105" s="8">
        <v>2500114</v>
      </c>
      <c r="B2105" s="8" t="s">
        <v>2031</v>
      </c>
    </row>
    <row r="2106" spans="1:2">
      <c r="A2106" s="8">
        <v>2500107</v>
      </c>
      <c r="B2106" s="8" t="s">
        <v>2032</v>
      </c>
    </row>
    <row r="2107" spans="1:2">
      <c r="A2107" s="8">
        <v>2500132</v>
      </c>
      <c r="B2107" s="8" t="s">
        <v>2033</v>
      </c>
    </row>
    <row r="2108" spans="1:2">
      <c r="A2108" s="8">
        <v>2500125</v>
      </c>
      <c r="B2108" s="8" t="s">
        <v>2034</v>
      </c>
    </row>
    <row r="2109" spans="1:2">
      <c r="A2109" s="8">
        <v>2500105</v>
      </c>
      <c r="B2109" s="8" t="s">
        <v>2035</v>
      </c>
    </row>
    <row r="2110" spans="1:2">
      <c r="A2110" s="8">
        <v>2500102</v>
      </c>
      <c r="B2110" s="8" t="s">
        <v>2036</v>
      </c>
    </row>
    <row r="2111" spans="1:2">
      <c r="A2111" s="8">
        <v>2500127</v>
      </c>
      <c r="B2111" s="8" t="s">
        <v>2037</v>
      </c>
    </row>
    <row r="2112" spans="1:2">
      <c r="A2112" s="8">
        <v>2500111</v>
      </c>
      <c r="B2112" s="8" t="s">
        <v>2038</v>
      </c>
    </row>
    <row r="2113" spans="1:2">
      <c r="A2113" s="8">
        <v>2500117</v>
      </c>
      <c r="B2113" s="8" t="s">
        <v>2039</v>
      </c>
    </row>
    <row r="2114" spans="1:2">
      <c r="A2114" s="8">
        <v>2500123</v>
      </c>
      <c r="B2114" s="8" t="s">
        <v>2040</v>
      </c>
    </row>
    <row r="2115" spans="1:2">
      <c r="A2115" s="8">
        <v>2500106</v>
      </c>
      <c r="B2115" s="8" t="s">
        <v>2041</v>
      </c>
    </row>
    <row r="2116" spans="1:2">
      <c r="A2116" s="8">
        <v>2500115</v>
      </c>
      <c r="B2116" s="8" t="s">
        <v>2042</v>
      </c>
    </row>
    <row r="2117" spans="1:2">
      <c r="A2117" s="8">
        <v>2500121</v>
      </c>
      <c r="B2117" s="8" t="s">
        <v>2043</v>
      </c>
    </row>
    <row r="2118" spans="1:2">
      <c r="A2118" s="8">
        <v>2500133</v>
      </c>
      <c r="B2118" s="8" t="s">
        <v>2044</v>
      </c>
    </row>
    <row r="2119" spans="1:2">
      <c r="A2119" s="8">
        <v>2500101</v>
      </c>
      <c r="B2119" s="8" t="s">
        <v>2045</v>
      </c>
    </row>
    <row r="2120" spans="1:2">
      <c r="A2120" s="8">
        <v>2500103</v>
      </c>
      <c r="B2120" s="8" t="s">
        <v>2046</v>
      </c>
    </row>
    <row r="2121" spans="1:2">
      <c r="A2121" s="8">
        <v>2500116</v>
      </c>
      <c r="B2121" s="8" t="s">
        <v>2047</v>
      </c>
    </row>
    <row r="2122" spans="1:2">
      <c r="A2122" s="8">
        <v>2500104</v>
      </c>
      <c r="B2122" s="8" t="s">
        <v>2048</v>
      </c>
    </row>
    <row r="2123" spans="1:2">
      <c r="A2123" s="8">
        <v>2500136</v>
      </c>
      <c r="B2123" s="8" t="s">
        <v>2049</v>
      </c>
    </row>
    <row r="2124" spans="1:2">
      <c r="A2124" s="8">
        <v>2500112</v>
      </c>
      <c r="B2124" s="8" t="s">
        <v>2050</v>
      </c>
    </row>
    <row r="2125" spans="1:2">
      <c r="A2125" s="8">
        <v>2521100</v>
      </c>
      <c r="B2125" s="8" t="s">
        <v>119</v>
      </c>
    </row>
    <row r="2126" spans="1:2">
      <c r="A2126" s="8">
        <v>2521101</v>
      </c>
      <c r="B2126" s="8" t="s">
        <v>2051</v>
      </c>
    </row>
    <row r="2127" spans="1:2">
      <c r="A2127" s="8">
        <v>2521104</v>
      </c>
      <c r="B2127" s="8" t="s">
        <v>2052</v>
      </c>
    </row>
    <row r="2128" spans="1:2">
      <c r="A2128" s="8">
        <v>2521115</v>
      </c>
      <c r="B2128" s="8" t="s">
        <v>2053</v>
      </c>
    </row>
    <row r="2129" spans="1:2">
      <c r="A2129" s="8">
        <v>2521116</v>
      </c>
      <c r="B2129" s="8" t="s">
        <v>2054</v>
      </c>
    </row>
    <row r="2130" spans="1:2">
      <c r="A2130" s="8">
        <v>2521112</v>
      </c>
      <c r="B2130" s="8" t="s">
        <v>2055</v>
      </c>
    </row>
    <row r="2131" spans="1:2">
      <c r="A2131" s="8">
        <v>2521113</v>
      </c>
      <c r="B2131" s="8" t="s">
        <v>2056</v>
      </c>
    </row>
    <row r="2132" spans="1:2">
      <c r="A2132" s="8">
        <v>2521114</v>
      </c>
      <c r="B2132" s="8" t="s">
        <v>2057</v>
      </c>
    </row>
    <row r="2133" spans="1:2">
      <c r="A2133" s="8">
        <v>2521111</v>
      </c>
      <c r="B2133" s="8" t="s">
        <v>2058</v>
      </c>
    </row>
    <row r="2134" spans="1:2">
      <c r="A2134" s="8">
        <v>2521121</v>
      </c>
      <c r="B2134" s="8" t="s">
        <v>2059</v>
      </c>
    </row>
    <row r="2135" spans="1:2">
      <c r="A2135" s="8">
        <v>2521122</v>
      </c>
      <c r="B2135" s="8" t="s">
        <v>2060</v>
      </c>
    </row>
    <row r="2136" spans="1:2">
      <c r="A2136" s="8">
        <v>2521105</v>
      </c>
      <c r="B2136" s="8" t="s">
        <v>2061</v>
      </c>
    </row>
    <row r="2137" spans="1:2">
      <c r="A2137" s="8">
        <v>2521135</v>
      </c>
      <c r="B2137" s="8" t="s">
        <v>2062</v>
      </c>
    </row>
    <row r="2138" spans="1:2">
      <c r="A2138" s="8">
        <v>2521132</v>
      </c>
      <c r="B2138" s="8" t="s">
        <v>2063</v>
      </c>
    </row>
    <row r="2139" spans="1:2">
      <c r="A2139" s="8">
        <v>2521136</v>
      </c>
      <c r="B2139" s="8" t="s">
        <v>2064</v>
      </c>
    </row>
    <row r="2140" spans="1:2">
      <c r="A2140" s="8">
        <v>2521134</v>
      </c>
      <c r="B2140" s="8" t="s">
        <v>2065</v>
      </c>
    </row>
    <row r="2141" spans="1:2">
      <c r="A2141" s="8">
        <v>2521131</v>
      </c>
      <c r="B2141" s="8" t="s">
        <v>2066</v>
      </c>
    </row>
    <row r="2142" spans="1:2">
      <c r="A2142" s="8">
        <v>2521137</v>
      </c>
      <c r="B2142" s="8" t="s">
        <v>2067</v>
      </c>
    </row>
    <row r="2143" spans="1:2">
      <c r="A2143" s="8">
        <v>2521133</v>
      </c>
      <c r="B2143" s="8" t="s">
        <v>2068</v>
      </c>
    </row>
    <row r="2144" spans="1:2">
      <c r="A2144" s="8">
        <v>2521123</v>
      </c>
      <c r="B2144" s="8" t="s">
        <v>2069</v>
      </c>
    </row>
    <row r="2145" spans="1:2">
      <c r="A2145" s="8">
        <v>2521127</v>
      </c>
      <c r="B2145" s="8" t="s">
        <v>2070</v>
      </c>
    </row>
    <row r="2146" spans="1:2">
      <c r="A2146" s="8">
        <v>2521103</v>
      </c>
      <c r="B2146" s="8" t="s">
        <v>2071</v>
      </c>
    </row>
    <row r="2147" spans="1:2">
      <c r="A2147" s="8">
        <v>2521108</v>
      </c>
      <c r="B2147" s="8" t="s">
        <v>2072</v>
      </c>
    </row>
    <row r="2148" spans="1:2">
      <c r="A2148" s="8">
        <v>2521107</v>
      </c>
      <c r="B2148" s="8" t="s">
        <v>2073</v>
      </c>
    </row>
    <row r="2149" spans="1:2">
      <c r="A2149" s="8">
        <v>2521106</v>
      </c>
      <c r="B2149" s="8" t="s">
        <v>2074</v>
      </c>
    </row>
    <row r="2150" spans="1:2">
      <c r="A2150" s="8">
        <v>2521102</v>
      </c>
      <c r="B2150" s="8" t="s">
        <v>2075</v>
      </c>
    </row>
    <row r="2151" spans="1:2">
      <c r="A2151" s="8">
        <v>2521124</v>
      </c>
      <c r="B2151" s="8" t="s">
        <v>2076</v>
      </c>
    </row>
    <row r="2152" spans="1:2">
      <c r="A2152" s="8">
        <v>2521125</v>
      </c>
      <c r="B2152" s="8" t="s">
        <v>2077</v>
      </c>
    </row>
    <row r="2153" spans="1:2">
      <c r="A2153" s="8">
        <v>2521126</v>
      </c>
      <c r="B2153" s="8" t="s">
        <v>2078</v>
      </c>
    </row>
    <row r="2154" spans="1:2">
      <c r="A2154" s="8">
        <v>2400100</v>
      </c>
      <c r="B2154" s="8" t="s">
        <v>120</v>
      </c>
    </row>
    <row r="2155" spans="1:2">
      <c r="A2155" s="8">
        <v>2400111</v>
      </c>
      <c r="B2155" s="8" t="s">
        <v>2079</v>
      </c>
    </row>
    <row r="2156" spans="1:2">
      <c r="A2156" s="8">
        <v>2400115</v>
      </c>
      <c r="B2156" s="8" t="s">
        <v>2080</v>
      </c>
    </row>
    <row r="2157" spans="1:2">
      <c r="A2157" s="8">
        <v>2400114</v>
      </c>
      <c r="B2157" s="8" t="s">
        <v>2081</v>
      </c>
    </row>
    <row r="2158" spans="1:2">
      <c r="A2158" s="8">
        <v>2400116</v>
      </c>
      <c r="B2158" s="8" t="s">
        <v>2082</v>
      </c>
    </row>
    <row r="2159" spans="1:2">
      <c r="A2159" s="8">
        <v>2400113</v>
      </c>
      <c r="B2159" s="8" t="s">
        <v>2083</v>
      </c>
    </row>
    <row r="2160" spans="1:2">
      <c r="A2160" s="8">
        <v>2400112</v>
      </c>
      <c r="B2160" s="8" t="s">
        <v>2084</v>
      </c>
    </row>
    <row r="2161" spans="1:2">
      <c r="A2161" s="8">
        <v>2530100</v>
      </c>
      <c r="B2161" s="8" t="s">
        <v>121</v>
      </c>
    </row>
    <row r="2162" spans="1:2">
      <c r="A2162" s="8">
        <v>2530111</v>
      </c>
      <c r="B2162" s="8" t="s">
        <v>2085</v>
      </c>
    </row>
    <row r="2163" spans="1:2">
      <c r="A2163" s="8">
        <v>2530104</v>
      </c>
      <c r="B2163" s="8" t="s">
        <v>2086</v>
      </c>
    </row>
    <row r="2164" spans="1:2">
      <c r="A2164" s="8">
        <v>2530113</v>
      </c>
      <c r="B2164" s="8" t="s">
        <v>2087</v>
      </c>
    </row>
    <row r="2165" spans="1:2">
      <c r="A2165" s="8">
        <v>2530105</v>
      </c>
      <c r="B2165" s="8" t="s">
        <v>2088</v>
      </c>
    </row>
    <row r="2166" spans="1:2">
      <c r="A2166" s="8">
        <v>2530101</v>
      </c>
      <c r="B2166" s="8" t="s">
        <v>2089</v>
      </c>
    </row>
    <row r="2167" spans="1:2">
      <c r="A2167" s="8">
        <v>2530103</v>
      </c>
      <c r="B2167" s="8" t="s">
        <v>2090</v>
      </c>
    </row>
    <row r="2168" spans="1:2">
      <c r="A2168" s="8">
        <v>2530102</v>
      </c>
      <c r="B2168" s="8" t="s">
        <v>2091</v>
      </c>
    </row>
    <row r="2169" spans="1:2">
      <c r="A2169" s="8">
        <v>2530114</v>
      </c>
      <c r="B2169" s="8" t="s">
        <v>2092</v>
      </c>
    </row>
    <row r="2170" spans="1:2">
      <c r="A2170" s="8">
        <v>2530112</v>
      </c>
      <c r="B2170" s="8" t="s">
        <v>2093</v>
      </c>
    </row>
    <row r="2171" spans="1:2">
      <c r="A2171" s="8">
        <v>2530106</v>
      </c>
      <c r="B2171" s="8" t="s">
        <v>2094</v>
      </c>
    </row>
    <row r="2172" spans="1:2">
      <c r="A2172" s="8">
        <v>2550000</v>
      </c>
      <c r="B2172" s="8" t="s">
        <v>122</v>
      </c>
    </row>
    <row r="2173" spans="1:2">
      <c r="A2173" s="8">
        <v>2590102</v>
      </c>
      <c r="B2173" s="8" t="s">
        <v>2095</v>
      </c>
    </row>
    <row r="2174" spans="1:2">
      <c r="A2174" s="8">
        <v>2590113</v>
      </c>
      <c r="B2174" s="8" t="s">
        <v>2096</v>
      </c>
    </row>
    <row r="2175" spans="1:2">
      <c r="A2175" s="8">
        <v>2550003</v>
      </c>
      <c r="B2175" s="8" t="s">
        <v>2097</v>
      </c>
    </row>
    <row r="2176" spans="1:2">
      <c r="A2176" s="8">
        <v>2590114</v>
      </c>
      <c r="B2176" s="8" t="s">
        <v>2098</v>
      </c>
    </row>
    <row r="2177" spans="1:2">
      <c r="A2177" s="8">
        <v>2590105</v>
      </c>
      <c r="B2177" s="8" t="s">
        <v>2099</v>
      </c>
    </row>
    <row r="2178" spans="1:2">
      <c r="A2178" s="8">
        <v>2590112</v>
      </c>
      <c r="B2178" s="8" t="s">
        <v>2100</v>
      </c>
    </row>
    <row r="2179" spans="1:2">
      <c r="A2179" s="8">
        <v>2590111</v>
      </c>
      <c r="B2179" s="8" t="s">
        <v>2101</v>
      </c>
    </row>
    <row r="2180" spans="1:2">
      <c r="A2180" s="8">
        <v>2550001</v>
      </c>
      <c r="B2180" s="8" t="s">
        <v>2102</v>
      </c>
    </row>
    <row r="2181" spans="1:2">
      <c r="A2181" s="8">
        <v>2590101</v>
      </c>
      <c r="B2181" s="8" t="s">
        <v>2103</v>
      </c>
    </row>
    <row r="2182" spans="1:2">
      <c r="A2182" s="8">
        <v>2590104</v>
      </c>
      <c r="B2182" s="8" t="s">
        <v>2104</v>
      </c>
    </row>
    <row r="2183" spans="1:2">
      <c r="A2183" s="8">
        <v>2550005</v>
      </c>
      <c r="B2183" s="8" t="s">
        <v>2105</v>
      </c>
    </row>
    <row r="2184" spans="1:2">
      <c r="A2184" s="8">
        <v>2550004</v>
      </c>
      <c r="B2184" s="8" t="s">
        <v>2106</v>
      </c>
    </row>
    <row r="2185" spans="1:2">
      <c r="A2185" s="8">
        <v>2550002</v>
      </c>
      <c r="B2185" s="8" t="s">
        <v>2107</v>
      </c>
    </row>
    <row r="2186" spans="1:2">
      <c r="A2186" s="8">
        <v>2590103</v>
      </c>
      <c r="B2186" s="8" t="s">
        <v>2108</v>
      </c>
    </row>
    <row r="2187" spans="1:2">
      <c r="A2187" s="8">
        <v>2590100</v>
      </c>
      <c r="B2187" s="8" t="s">
        <v>123</v>
      </c>
    </row>
    <row r="2188" spans="1:2">
      <c r="A2188" s="8">
        <v>2590134</v>
      </c>
      <c r="B2188" s="8" t="s">
        <v>2109</v>
      </c>
    </row>
    <row r="2189" spans="1:2">
      <c r="A2189" s="8">
        <v>2590125</v>
      </c>
      <c r="B2189" s="8" t="s">
        <v>2110</v>
      </c>
    </row>
    <row r="2190" spans="1:2">
      <c r="A2190" s="8">
        <v>2590131</v>
      </c>
      <c r="B2190" s="8" t="s">
        <v>2111</v>
      </c>
    </row>
    <row r="2191" spans="1:2">
      <c r="A2191" s="8">
        <v>2590123</v>
      </c>
      <c r="B2191" s="8" t="s">
        <v>2112</v>
      </c>
    </row>
    <row r="2192" spans="1:2">
      <c r="A2192" s="8">
        <v>2590122</v>
      </c>
      <c r="B2192" s="8" t="s">
        <v>2113</v>
      </c>
    </row>
    <row r="2193" spans="1:2">
      <c r="A2193" s="8">
        <v>2590121</v>
      </c>
      <c r="B2193" s="8" t="s">
        <v>2114</v>
      </c>
    </row>
    <row r="2194" spans="1:2">
      <c r="A2194" s="8">
        <v>2590132</v>
      </c>
      <c r="B2194" s="8" t="s">
        <v>2115</v>
      </c>
    </row>
    <row r="2195" spans="1:2">
      <c r="A2195" s="8">
        <v>2590124</v>
      </c>
      <c r="B2195" s="8" t="s">
        <v>2116</v>
      </c>
    </row>
    <row r="2196" spans="1:2">
      <c r="A2196" s="8">
        <v>2590133</v>
      </c>
      <c r="B2196" s="8" t="s">
        <v>2117</v>
      </c>
    </row>
    <row r="2197" spans="1:2">
      <c r="A2197" s="8">
        <v>2590100</v>
      </c>
      <c r="B2197" s="8" t="s">
        <v>124</v>
      </c>
    </row>
    <row r="2198" spans="1:2">
      <c r="A2198" s="8">
        <v>2590151</v>
      </c>
      <c r="B2198" s="8" t="s">
        <v>2118</v>
      </c>
    </row>
    <row r="2199" spans="1:2">
      <c r="A2199" s="8">
        <v>2590154</v>
      </c>
      <c r="B2199" s="8" t="s">
        <v>2119</v>
      </c>
    </row>
    <row r="2200" spans="1:2">
      <c r="A2200" s="8">
        <v>2590141</v>
      </c>
      <c r="B2200" s="8" t="s">
        <v>2120</v>
      </c>
    </row>
    <row r="2201" spans="1:2">
      <c r="A2201" s="8">
        <v>2590147</v>
      </c>
      <c r="B2201" s="8" t="s">
        <v>2121</v>
      </c>
    </row>
    <row r="2202" spans="1:2">
      <c r="A2202" s="8">
        <v>2590143</v>
      </c>
      <c r="B2202" s="8" t="s">
        <v>2122</v>
      </c>
    </row>
    <row r="2203" spans="1:2">
      <c r="A2203" s="8">
        <v>2590142</v>
      </c>
      <c r="B2203" s="8" t="s">
        <v>2123</v>
      </c>
    </row>
    <row r="2204" spans="1:2">
      <c r="A2204" s="8">
        <v>2590146</v>
      </c>
      <c r="B2204" s="8" t="s">
        <v>2124</v>
      </c>
    </row>
    <row r="2205" spans="1:2">
      <c r="A2205" s="8">
        <v>2590157</v>
      </c>
      <c r="B2205" s="8" t="s">
        <v>2125</v>
      </c>
    </row>
    <row r="2206" spans="1:2">
      <c r="A2206" s="8">
        <v>2590156</v>
      </c>
      <c r="B2206" s="8" t="s">
        <v>2126</v>
      </c>
    </row>
    <row r="2207" spans="1:2">
      <c r="A2207" s="8">
        <v>2590148</v>
      </c>
      <c r="B2207" s="8" t="s">
        <v>2127</v>
      </c>
    </row>
    <row r="2208" spans="1:2">
      <c r="A2208" s="8">
        <v>2590145</v>
      </c>
      <c r="B2208" s="8" t="s">
        <v>2128</v>
      </c>
    </row>
    <row r="2209" spans="1:2">
      <c r="A2209" s="8">
        <v>2590144</v>
      </c>
      <c r="B2209" s="8" t="s">
        <v>2129</v>
      </c>
    </row>
    <row r="2210" spans="1:2">
      <c r="A2210" s="8">
        <v>2590153</v>
      </c>
      <c r="B2210" s="8" t="s">
        <v>2130</v>
      </c>
    </row>
    <row r="2211" spans="1:2">
      <c r="A2211" s="8">
        <v>2590152</v>
      </c>
      <c r="B2211" s="8" t="s">
        <v>2131</v>
      </c>
    </row>
    <row r="2212" spans="1:2">
      <c r="A2212" s="8">
        <v>2590155</v>
      </c>
      <c r="B2212" s="8" t="s">
        <v>2132</v>
      </c>
    </row>
    <row r="2213" spans="1:2">
      <c r="A2213" s="8">
        <v>2580000</v>
      </c>
      <c r="B2213" s="8" t="s">
        <v>125</v>
      </c>
    </row>
    <row r="2214" spans="1:2">
      <c r="A2214" s="8">
        <v>2580014</v>
      </c>
      <c r="B2214" s="8" t="s">
        <v>2133</v>
      </c>
    </row>
    <row r="2215" spans="1:2">
      <c r="A2215" s="8">
        <v>2580010</v>
      </c>
      <c r="B2215" s="8" t="s">
        <v>2134</v>
      </c>
    </row>
    <row r="2216" spans="1:2">
      <c r="A2216" s="8">
        <v>2580018</v>
      </c>
      <c r="B2216" s="8" t="s">
        <v>2135</v>
      </c>
    </row>
    <row r="2217" spans="1:2">
      <c r="A2217" s="8">
        <v>2580019</v>
      </c>
      <c r="B2217" s="8" t="s">
        <v>2136</v>
      </c>
    </row>
    <row r="2218" spans="1:2">
      <c r="A2218" s="8">
        <v>2580016</v>
      </c>
      <c r="B2218" s="8" t="s">
        <v>2137</v>
      </c>
    </row>
    <row r="2219" spans="1:2">
      <c r="A2219" s="8">
        <v>2580011</v>
      </c>
      <c r="B2219" s="8" t="s">
        <v>2138</v>
      </c>
    </row>
    <row r="2220" spans="1:2">
      <c r="A2220" s="8">
        <v>2580013</v>
      </c>
      <c r="B2220" s="8" t="s">
        <v>2139</v>
      </c>
    </row>
    <row r="2221" spans="1:2">
      <c r="A2221" s="8">
        <v>2580017</v>
      </c>
      <c r="B2221" s="8" t="s">
        <v>2140</v>
      </c>
    </row>
    <row r="2222" spans="1:2">
      <c r="A2222" s="8">
        <v>2580012</v>
      </c>
      <c r="B2222" s="8" t="s">
        <v>2141</v>
      </c>
    </row>
    <row r="2223" spans="1:2">
      <c r="A2223" s="8">
        <v>2580015</v>
      </c>
      <c r="B2223" s="8" t="s">
        <v>2142</v>
      </c>
    </row>
    <row r="2224" spans="1:2">
      <c r="A2224" s="8">
        <v>2580000</v>
      </c>
      <c r="B2224" s="8" t="s">
        <v>126</v>
      </c>
    </row>
    <row r="2225" spans="1:2">
      <c r="A2225" s="8">
        <v>2580002</v>
      </c>
      <c r="B2225" s="8" t="s">
        <v>2143</v>
      </c>
    </row>
    <row r="2226" spans="1:2">
      <c r="A2226" s="8">
        <v>2580003</v>
      </c>
      <c r="B2226" s="8" t="s">
        <v>2144</v>
      </c>
    </row>
    <row r="2227" spans="1:2">
      <c r="A2227" s="8">
        <v>2580004</v>
      </c>
      <c r="B2227" s="8" t="s">
        <v>2145</v>
      </c>
    </row>
    <row r="2228" spans="1:2">
      <c r="A2228" s="8">
        <v>2580001</v>
      </c>
      <c r="B2228" s="8" t="s">
        <v>2146</v>
      </c>
    </row>
    <row r="2229" spans="1:2">
      <c r="A2229" s="8">
        <v>2580100</v>
      </c>
      <c r="B2229" s="8" t="s">
        <v>127</v>
      </c>
    </row>
    <row r="2230" spans="1:2">
      <c r="A2230" s="8">
        <v>2580203</v>
      </c>
      <c r="B2230" s="8" t="s">
        <v>2147</v>
      </c>
    </row>
    <row r="2231" spans="1:2">
      <c r="A2231" s="8">
        <v>2580126</v>
      </c>
      <c r="B2231" s="8" t="s">
        <v>2148</v>
      </c>
    </row>
    <row r="2232" spans="1:2">
      <c r="A2232" s="8">
        <v>2580124</v>
      </c>
      <c r="B2232" s="8" t="s">
        <v>2149</v>
      </c>
    </row>
    <row r="2233" spans="1:2">
      <c r="A2233" s="8">
        <v>2580112</v>
      </c>
      <c r="B2233" s="8" t="s">
        <v>2150</v>
      </c>
    </row>
    <row r="2234" spans="1:2">
      <c r="A2234" s="8">
        <v>2580202</v>
      </c>
      <c r="B2234" s="8" t="s">
        <v>2151</v>
      </c>
    </row>
    <row r="2235" spans="1:2">
      <c r="A2235" s="8">
        <v>2580122</v>
      </c>
      <c r="B2235" s="8" t="s">
        <v>2152</v>
      </c>
    </row>
    <row r="2236" spans="1:2">
      <c r="A2236" s="8">
        <v>2580201</v>
      </c>
      <c r="B2236" s="8" t="s">
        <v>2153</v>
      </c>
    </row>
    <row r="2237" spans="1:2">
      <c r="A2237" s="8">
        <v>2580114</v>
      </c>
      <c r="B2237" s="8" t="s">
        <v>2154</v>
      </c>
    </row>
    <row r="2238" spans="1:2">
      <c r="A2238" s="8">
        <v>2580121</v>
      </c>
      <c r="B2238" s="8" t="s">
        <v>2155</v>
      </c>
    </row>
    <row r="2239" spans="1:2">
      <c r="A2239" s="8">
        <v>2580111</v>
      </c>
      <c r="B2239" s="8" t="s">
        <v>2156</v>
      </c>
    </row>
    <row r="2240" spans="1:2">
      <c r="A2240" s="8">
        <v>2580115</v>
      </c>
      <c r="B2240" s="8" t="s">
        <v>2157</v>
      </c>
    </row>
    <row r="2241" spans="1:2">
      <c r="A2241" s="8">
        <v>2580125</v>
      </c>
      <c r="B2241" s="8" t="s">
        <v>2158</v>
      </c>
    </row>
    <row r="2242" spans="1:2">
      <c r="A2242" s="8">
        <v>2580113</v>
      </c>
      <c r="B2242" s="8" t="s">
        <v>2159</v>
      </c>
    </row>
    <row r="2243" spans="1:2">
      <c r="A2243" s="8">
        <v>2580123</v>
      </c>
      <c r="B2243" s="8" t="s">
        <v>2160</v>
      </c>
    </row>
    <row r="2244" spans="1:2">
      <c r="A2244" s="8">
        <v>2580204</v>
      </c>
      <c r="B2244" s="8" t="s">
        <v>2161</v>
      </c>
    </row>
    <row r="2245" spans="1:2">
      <c r="A2245" s="8">
        <v>2580000</v>
      </c>
      <c r="B2245" s="8" t="s">
        <v>128</v>
      </c>
    </row>
    <row r="2246" spans="1:2">
      <c r="A2246" s="8">
        <v>2580022</v>
      </c>
      <c r="B2246" s="8" t="s">
        <v>2162</v>
      </c>
    </row>
    <row r="2247" spans="1:2">
      <c r="A2247" s="8">
        <v>2580025</v>
      </c>
      <c r="B2247" s="8" t="s">
        <v>2163</v>
      </c>
    </row>
    <row r="2248" spans="1:2">
      <c r="A2248" s="8">
        <v>2580027</v>
      </c>
      <c r="B2248" s="8" t="s">
        <v>2164</v>
      </c>
    </row>
    <row r="2249" spans="1:2">
      <c r="A2249" s="8">
        <v>2580028</v>
      </c>
      <c r="B2249" s="8" t="s">
        <v>2165</v>
      </c>
    </row>
    <row r="2250" spans="1:2">
      <c r="A2250" s="8">
        <v>2580024</v>
      </c>
      <c r="B2250" s="8" t="s">
        <v>2166</v>
      </c>
    </row>
    <row r="2251" spans="1:2">
      <c r="A2251" s="8">
        <v>2580026</v>
      </c>
      <c r="B2251" s="8" t="s">
        <v>2167</v>
      </c>
    </row>
    <row r="2252" spans="1:2">
      <c r="A2252" s="8">
        <v>2580029</v>
      </c>
      <c r="B2252" s="8" t="s">
        <v>2168</v>
      </c>
    </row>
    <row r="2253" spans="1:2">
      <c r="A2253" s="8">
        <v>2580023</v>
      </c>
      <c r="B2253" s="8" t="s">
        <v>2169</v>
      </c>
    </row>
    <row r="2254" spans="1:2">
      <c r="A2254" s="8">
        <v>2580021</v>
      </c>
      <c r="B2254" s="8" t="s">
        <v>2170</v>
      </c>
    </row>
    <row r="2255" spans="1:2">
      <c r="A2255" s="8">
        <v>2500500</v>
      </c>
      <c r="B2255" s="8" t="s">
        <v>129</v>
      </c>
    </row>
    <row r="2256" spans="1:2">
      <c r="A2256" s="8">
        <v>2500523</v>
      </c>
      <c r="B2256" s="8" t="s">
        <v>2171</v>
      </c>
    </row>
    <row r="2257" spans="1:2">
      <c r="A2257" s="8">
        <v>2500405</v>
      </c>
      <c r="B2257" s="8" t="s">
        <v>2172</v>
      </c>
    </row>
    <row r="2258" spans="1:2">
      <c r="A2258" s="8">
        <v>2500402</v>
      </c>
      <c r="B2258" s="8" t="s">
        <v>2173</v>
      </c>
    </row>
    <row r="2259" spans="1:2">
      <c r="A2259" s="8">
        <v>2500406</v>
      </c>
      <c r="B2259" s="8" t="s">
        <v>2174</v>
      </c>
    </row>
    <row r="2260" spans="1:2">
      <c r="A2260" s="8">
        <v>2500408</v>
      </c>
      <c r="B2260" s="8" t="s">
        <v>2175</v>
      </c>
    </row>
    <row r="2261" spans="1:2">
      <c r="A2261" s="8">
        <v>2500313</v>
      </c>
      <c r="B2261" s="8" t="s">
        <v>2176</v>
      </c>
    </row>
    <row r="2262" spans="1:2">
      <c r="A2262" s="8">
        <v>2500631</v>
      </c>
      <c r="B2262" s="8" t="s">
        <v>2177</v>
      </c>
    </row>
    <row r="2263" spans="1:2">
      <c r="A2263" s="8">
        <v>2500403</v>
      </c>
      <c r="B2263" s="8" t="s">
        <v>2178</v>
      </c>
    </row>
    <row r="2264" spans="1:2">
      <c r="A2264" s="8">
        <v>2500315</v>
      </c>
      <c r="B2264" s="8" t="s">
        <v>2179</v>
      </c>
    </row>
    <row r="2265" spans="1:2">
      <c r="A2265" s="8">
        <v>2500407</v>
      </c>
      <c r="B2265" s="8" t="s">
        <v>2180</v>
      </c>
    </row>
    <row r="2266" spans="1:2">
      <c r="A2266" s="8">
        <v>2500521</v>
      </c>
      <c r="B2266" s="8" t="s">
        <v>2181</v>
      </c>
    </row>
    <row r="2267" spans="1:2">
      <c r="A2267" s="8">
        <v>2500314</v>
      </c>
      <c r="B2267" s="8" t="s">
        <v>2182</v>
      </c>
    </row>
    <row r="2268" spans="1:2">
      <c r="A2268" s="8">
        <v>2500401</v>
      </c>
      <c r="B2268" s="8" t="s">
        <v>2183</v>
      </c>
    </row>
    <row r="2269" spans="1:2">
      <c r="A2269" s="8">
        <v>2500404</v>
      </c>
      <c r="B2269" s="8" t="s">
        <v>2184</v>
      </c>
    </row>
    <row r="2270" spans="1:2">
      <c r="A2270" s="8">
        <v>2500522</v>
      </c>
      <c r="B2270" s="8" t="s">
        <v>2185</v>
      </c>
    </row>
    <row r="2271" spans="1:2">
      <c r="A2271" s="8">
        <v>2500311</v>
      </c>
      <c r="B2271" s="8" t="s">
        <v>2186</v>
      </c>
    </row>
    <row r="2272" spans="1:2">
      <c r="A2272" s="8">
        <v>2500312</v>
      </c>
      <c r="B2272" s="8" t="s">
        <v>2187</v>
      </c>
    </row>
    <row r="2273" spans="1:2">
      <c r="A2273" s="8">
        <v>2590200</v>
      </c>
      <c r="B2273" s="8" t="s">
        <v>135</v>
      </c>
    </row>
    <row r="2274" spans="1:2">
      <c r="A2274" s="8">
        <v>2590202</v>
      </c>
      <c r="B2274" s="8" t="s">
        <v>2188</v>
      </c>
    </row>
    <row r="2275" spans="1:2">
      <c r="A2275" s="8">
        <v>2590201</v>
      </c>
      <c r="B2275" s="8" t="s">
        <v>2189</v>
      </c>
    </row>
    <row r="2276" spans="1:2">
      <c r="A2276" s="8">
        <v>2590300</v>
      </c>
      <c r="B2276" s="8" t="s">
        <v>130</v>
      </c>
    </row>
    <row r="2277" spans="1:2">
      <c r="A2277" s="8">
        <v>2590313</v>
      </c>
      <c r="B2277" s="8" t="s">
        <v>2190</v>
      </c>
    </row>
    <row r="2278" spans="1:2">
      <c r="A2278" s="8">
        <v>2590305</v>
      </c>
      <c r="B2278" s="8" t="s">
        <v>2191</v>
      </c>
    </row>
    <row r="2279" spans="1:2">
      <c r="A2279" s="8">
        <v>2590301</v>
      </c>
      <c r="B2279" s="8" t="s">
        <v>2192</v>
      </c>
    </row>
    <row r="2280" spans="1:2">
      <c r="A2280" s="8">
        <v>2590303</v>
      </c>
      <c r="B2280" s="8" t="s">
        <v>2193</v>
      </c>
    </row>
    <row r="2281" spans="1:2">
      <c r="A2281" s="8">
        <v>2590311</v>
      </c>
      <c r="B2281" s="8" t="s">
        <v>2194</v>
      </c>
    </row>
    <row r="2282" spans="1:2">
      <c r="A2282" s="8">
        <v>2590317</v>
      </c>
      <c r="B2282" s="8" t="s">
        <v>2195</v>
      </c>
    </row>
    <row r="2283" spans="1:2">
      <c r="A2283" s="8">
        <v>2590316</v>
      </c>
      <c r="B2283" s="8" t="s">
        <v>2196</v>
      </c>
    </row>
    <row r="2284" spans="1:2">
      <c r="A2284" s="8">
        <v>2590314</v>
      </c>
      <c r="B2284" s="8" t="s">
        <v>2197</v>
      </c>
    </row>
    <row r="2285" spans="1:2">
      <c r="A2285" s="8">
        <v>2590304</v>
      </c>
      <c r="B2285" s="8" t="s">
        <v>2198</v>
      </c>
    </row>
    <row r="2286" spans="1:2">
      <c r="A2286" s="8">
        <v>2590302</v>
      </c>
      <c r="B2286" s="8" t="s">
        <v>2199</v>
      </c>
    </row>
    <row r="2287" spans="1:2">
      <c r="A2287" s="8">
        <v>2590312</v>
      </c>
      <c r="B2287" s="8" t="s">
        <v>2200</v>
      </c>
    </row>
    <row r="2288" spans="1:2">
      <c r="A2288" s="8">
        <v>2590318</v>
      </c>
      <c r="B2288" s="8" t="s">
        <v>2201</v>
      </c>
    </row>
    <row r="2289" spans="1:2">
      <c r="A2289" s="8">
        <v>2430300</v>
      </c>
      <c r="B2289" s="8" t="s">
        <v>131</v>
      </c>
    </row>
    <row r="2290" spans="1:2">
      <c r="A2290" s="8">
        <v>2430302</v>
      </c>
      <c r="B2290" s="8" t="s">
        <v>2202</v>
      </c>
    </row>
    <row r="2291" spans="1:2">
      <c r="A2291" s="8">
        <v>2430301</v>
      </c>
      <c r="B2291" s="8" t="s">
        <v>2203</v>
      </c>
    </row>
    <row r="2292" spans="1:2">
      <c r="A2292" s="8">
        <v>2430306</v>
      </c>
      <c r="B2292" s="8" t="s">
        <v>2204</v>
      </c>
    </row>
    <row r="2293" spans="1:2">
      <c r="A2293" s="8">
        <v>2430304</v>
      </c>
      <c r="B2293" s="8" t="s">
        <v>2205</v>
      </c>
    </row>
    <row r="2294" spans="1:2">
      <c r="A2294" s="8">
        <v>2430303</v>
      </c>
      <c r="B2294" s="8" t="s">
        <v>2206</v>
      </c>
    </row>
    <row r="2295" spans="1:2">
      <c r="A2295" s="8">
        <v>2430305</v>
      </c>
      <c r="B2295" s="8" t="s">
        <v>2207</v>
      </c>
    </row>
    <row r="2296" spans="1:2">
      <c r="A2296" s="8">
        <v>2430307</v>
      </c>
      <c r="B2296" s="8" t="s">
        <v>2208</v>
      </c>
    </row>
    <row r="2297" spans="1:2">
      <c r="A2297" s="8">
        <v>2430308</v>
      </c>
      <c r="B2297" s="8" t="s">
        <v>2209</v>
      </c>
    </row>
    <row r="2298" spans="1:2">
      <c r="A2298" s="8">
        <v>2430100</v>
      </c>
      <c r="B2298" s="8" t="s">
        <v>132</v>
      </c>
    </row>
    <row r="2299" spans="1:2">
      <c r="A2299" s="8">
        <v>2570061</v>
      </c>
      <c r="B2299" s="8" t="s">
        <v>2214</v>
      </c>
    </row>
    <row r="2300" spans="1:2">
      <c r="A2300" s="8">
        <v>2430112</v>
      </c>
      <c r="B2300" s="8" t="s">
        <v>2214</v>
      </c>
    </row>
    <row r="2301" spans="1:2">
      <c r="A2301" s="8">
        <v>2430111</v>
      </c>
      <c r="B2301" s="8" t="s">
        <v>2210</v>
      </c>
    </row>
    <row r="2302" spans="1:2">
      <c r="A2302" s="8">
        <v>2308511</v>
      </c>
      <c r="B2302" s="8" t="s">
        <v>2220</v>
      </c>
    </row>
    <row r="2303" spans="1:2">
      <c r="A2303" s="8">
        <v>2308628</v>
      </c>
      <c r="B2303" s="8" t="s">
        <v>2221</v>
      </c>
    </row>
    <row r="2304" spans="1:2">
      <c r="A2304" s="8">
        <v>2308765</v>
      </c>
      <c r="B2304" s="8" t="s">
        <v>2222</v>
      </c>
    </row>
    <row r="2305" spans="1:2">
      <c r="A2305" s="8">
        <v>2308611</v>
      </c>
      <c r="B2305" s="8" t="s">
        <v>2223</v>
      </c>
    </row>
    <row r="2306" spans="1:2">
      <c r="A2306" s="8">
        <v>2308686</v>
      </c>
      <c r="B2306" s="8" t="s">
        <v>2224</v>
      </c>
    </row>
    <row r="2307" spans="1:2">
      <c r="A2307" s="8">
        <v>2308550</v>
      </c>
      <c r="B2307" s="8" t="s">
        <v>2225</v>
      </c>
    </row>
    <row r="2308" spans="1:2">
      <c r="A2308" s="8">
        <v>2308555</v>
      </c>
      <c r="B2308" s="8" t="s">
        <v>2226</v>
      </c>
    </row>
    <row r="2309" spans="1:2">
      <c r="A2309" s="8">
        <v>2308501</v>
      </c>
      <c r="B2309" s="8" t="s">
        <v>2227</v>
      </c>
    </row>
    <row r="2310" spans="1:2">
      <c r="A2310" s="8">
        <v>2308571</v>
      </c>
      <c r="B2310" s="8" t="s">
        <v>2228</v>
      </c>
    </row>
    <row r="2311" spans="1:2">
      <c r="A2311" s="8">
        <v>2308666</v>
      </c>
      <c r="B2311" s="8" t="s">
        <v>2229</v>
      </c>
    </row>
    <row r="2312" spans="1:2">
      <c r="A2312" s="8">
        <v>2308504</v>
      </c>
      <c r="B2312" s="8" t="s">
        <v>2230</v>
      </c>
    </row>
    <row r="2313" spans="1:2">
      <c r="A2313" s="8">
        <v>2308577</v>
      </c>
      <c r="B2313" s="8" t="s">
        <v>2231</v>
      </c>
    </row>
    <row r="2314" spans="1:2">
      <c r="A2314" s="8">
        <v>2218718</v>
      </c>
      <c r="B2314" s="8" t="s">
        <v>2232</v>
      </c>
    </row>
    <row r="2315" spans="1:2">
      <c r="A2315" s="8">
        <v>2218686</v>
      </c>
      <c r="B2315" s="8" t="s">
        <v>2233</v>
      </c>
    </row>
    <row r="2316" spans="1:2">
      <c r="A2316" s="8">
        <v>2218520</v>
      </c>
      <c r="B2316" s="8" t="s">
        <v>2234</v>
      </c>
    </row>
    <row r="2317" spans="1:2">
      <c r="A2317" s="8">
        <v>2218522</v>
      </c>
      <c r="B2317" s="8" t="s">
        <v>2235</v>
      </c>
    </row>
    <row r="2318" spans="1:2">
      <c r="A2318" s="8">
        <v>2218588</v>
      </c>
      <c r="B2318" s="8" t="s">
        <v>2236</v>
      </c>
    </row>
    <row r="2319" spans="1:2">
      <c r="A2319" s="8">
        <v>2218666</v>
      </c>
      <c r="B2319" s="8" t="s">
        <v>2237</v>
      </c>
    </row>
    <row r="2320" spans="1:2">
      <c r="A2320" s="8">
        <v>2218741</v>
      </c>
      <c r="B2320" s="8" t="s">
        <v>2238</v>
      </c>
    </row>
    <row r="2321" spans="1:2">
      <c r="A2321" s="8">
        <v>2218703</v>
      </c>
      <c r="B2321" s="8" t="s">
        <v>2239</v>
      </c>
    </row>
    <row r="2322" spans="1:2">
      <c r="A2322" s="8">
        <v>2218510</v>
      </c>
      <c r="B2322" s="8" t="s">
        <v>2240</v>
      </c>
    </row>
    <row r="2323" spans="1:2">
      <c r="A2323" s="8">
        <v>2218705</v>
      </c>
      <c r="B2323" s="8" t="s">
        <v>2241</v>
      </c>
    </row>
    <row r="2324" spans="1:2">
      <c r="A2324" s="8">
        <v>2218558</v>
      </c>
      <c r="B2324" s="8" t="s">
        <v>2234</v>
      </c>
    </row>
    <row r="2325" spans="1:2">
      <c r="A2325" s="8">
        <v>2218511</v>
      </c>
      <c r="B2325" s="8" t="s">
        <v>2242</v>
      </c>
    </row>
    <row r="2326" spans="1:2">
      <c r="A2326" s="8">
        <v>2218529</v>
      </c>
      <c r="B2326" s="8" t="s">
        <v>2243</v>
      </c>
    </row>
    <row r="2327" spans="1:2">
      <c r="A2327" s="8">
        <v>2218540</v>
      </c>
      <c r="B2327" s="8" t="s">
        <v>2244</v>
      </c>
    </row>
    <row r="2328" spans="1:2">
      <c r="A2328" s="8">
        <v>2218517</v>
      </c>
      <c r="B2328" s="8" t="s">
        <v>2245</v>
      </c>
    </row>
    <row r="2329" spans="1:2">
      <c r="A2329" s="8">
        <v>2218537</v>
      </c>
      <c r="B2329" s="8" t="s">
        <v>2246</v>
      </c>
    </row>
    <row r="2330" spans="1:2">
      <c r="A2330" s="8">
        <v>2218712</v>
      </c>
      <c r="B2330" s="8" t="s">
        <v>2247</v>
      </c>
    </row>
    <row r="2331" spans="1:2">
      <c r="A2331" s="8">
        <v>2218623</v>
      </c>
      <c r="B2331" s="8" t="s">
        <v>2248</v>
      </c>
    </row>
    <row r="2332" spans="1:2">
      <c r="A2332" s="8">
        <v>2208623</v>
      </c>
      <c r="B2332" s="8" t="s">
        <v>2249</v>
      </c>
    </row>
    <row r="2333" spans="1:2">
      <c r="A2333" s="8">
        <v>2218702</v>
      </c>
      <c r="B2333" s="8" t="s">
        <v>2250</v>
      </c>
    </row>
    <row r="2334" spans="1:2">
      <c r="A2334" s="8">
        <v>2218560</v>
      </c>
      <c r="B2334" s="8" t="s">
        <v>2251</v>
      </c>
    </row>
    <row r="2335" spans="1:2">
      <c r="A2335" s="8">
        <v>2218701</v>
      </c>
      <c r="B2335" s="8" t="s">
        <v>2252</v>
      </c>
    </row>
    <row r="2336" spans="1:2">
      <c r="A2336" s="8">
        <v>2218550</v>
      </c>
      <c r="B2336" s="8" t="s">
        <v>2253</v>
      </c>
    </row>
    <row r="2337" spans="1:2">
      <c r="A2337" s="8">
        <v>2218611</v>
      </c>
      <c r="B2337" s="8" t="s">
        <v>2254</v>
      </c>
    </row>
    <row r="2338" spans="1:2">
      <c r="A2338" s="8">
        <v>2218765</v>
      </c>
      <c r="B2338" s="8" t="s">
        <v>2255</v>
      </c>
    </row>
    <row r="2339" spans="1:2">
      <c r="A2339" s="8">
        <v>2218523</v>
      </c>
      <c r="B2339" s="8" t="s">
        <v>2256</v>
      </c>
    </row>
    <row r="2340" spans="1:2">
      <c r="A2340" s="8">
        <v>2208540</v>
      </c>
      <c r="B2340" s="8" t="s">
        <v>2257</v>
      </c>
    </row>
    <row r="2341" spans="1:2">
      <c r="A2341" s="8">
        <v>2208720</v>
      </c>
      <c r="B2341" s="8" t="s">
        <v>2258</v>
      </c>
    </row>
    <row r="2342" spans="1:2">
      <c r="A2342" s="8">
        <v>2208511</v>
      </c>
      <c r="B2342" s="8" t="s">
        <v>2259</v>
      </c>
    </row>
    <row r="2343" spans="1:2">
      <c r="A2343" s="8">
        <v>2208755</v>
      </c>
      <c r="B2343" s="8" t="s">
        <v>2260</v>
      </c>
    </row>
    <row r="2344" spans="1:2">
      <c r="A2344" s="8">
        <v>2208523</v>
      </c>
      <c r="B2344" s="8" t="s">
        <v>2261</v>
      </c>
    </row>
    <row r="2345" spans="1:2">
      <c r="A2345" s="8">
        <v>2208558</v>
      </c>
      <c r="B2345" s="8" t="s">
        <v>2262</v>
      </c>
    </row>
    <row r="2346" spans="1:2">
      <c r="A2346" s="8">
        <v>2208585</v>
      </c>
      <c r="B2346" s="8" t="s">
        <v>2263</v>
      </c>
    </row>
    <row r="2347" spans="1:2">
      <c r="A2347" s="8">
        <v>2208559</v>
      </c>
      <c r="B2347" s="8" t="s">
        <v>2264</v>
      </c>
    </row>
    <row r="2348" spans="1:2">
      <c r="A2348" s="8">
        <v>2208680</v>
      </c>
      <c r="B2348" s="8" t="s">
        <v>2265</v>
      </c>
    </row>
    <row r="2349" spans="1:2">
      <c r="A2349" s="8">
        <v>2208560</v>
      </c>
      <c r="B2349" s="8" t="s">
        <v>2266</v>
      </c>
    </row>
    <row r="2350" spans="1:2">
      <c r="A2350" s="8">
        <v>2208542</v>
      </c>
      <c r="B2350" s="8" t="s">
        <v>2267</v>
      </c>
    </row>
    <row r="2351" spans="1:2">
      <c r="A2351" s="8">
        <v>2208541</v>
      </c>
      <c r="B2351" s="8" t="s">
        <v>2268</v>
      </c>
    </row>
    <row r="2352" spans="1:2">
      <c r="A2352" s="8">
        <v>2208510</v>
      </c>
      <c r="B2352" s="8" t="s">
        <v>2269</v>
      </c>
    </row>
    <row r="2353" spans="1:2">
      <c r="A2353" s="8">
        <v>2208536</v>
      </c>
      <c r="B2353" s="8" t="s">
        <v>2270</v>
      </c>
    </row>
    <row r="2354" spans="1:2">
      <c r="A2354" s="8">
        <v>2208567</v>
      </c>
      <c r="B2354" s="8" t="s">
        <v>2271</v>
      </c>
    </row>
    <row r="2355" spans="1:2">
      <c r="A2355" s="8">
        <v>2208577</v>
      </c>
      <c r="B2355" s="8" t="s">
        <v>2272</v>
      </c>
    </row>
    <row r="2356" spans="1:2">
      <c r="A2356" s="8">
        <v>2208515</v>
      </c>
      <c r="B2356" s="8" t="s">
        <v>2273</v>
      </c>
    </row>
    <row r="2357" spans="1:2">
      <c r="A2357" s="8">
        <v>2208539</v>
      </c>
      <c r="B2357" s="8" t="s">
        <v>2274</v>
      </c>
    </row>
    <row r="2358" spans="1:2">
      <c r="A2358" s="8">
        <v>2208080</v>
      </c>
      <c r="B2358" s="8" t="s">
        <v>2275</v>
      </c>
    </row>
    <row r="2359" spans="1:2">
      <c r="A2359" s="8">
        <v>2208739</v>
      </c>
      <c r="B2359" s="8" t="s">
        <v>2276</v>
      </c>
    </row>
    <row r="2360" spans="1:2">
      <c r="A2360" s="8">
        <v>2208507</v>
      </c>
      <c r="B2360" s="8" t="s">
        <v>2277</v>
      </c>
    </row>
    <row r="2361" spans="1:2">
      <c r="A2361" s="8">
        <v>2208509</v>
      </c>
      <c r="B2361" s="8" t="s">
        <v>2278</v>
      </c>
    </row>
    <row r="2362" spans="1:2">
      <c r="A2362" s="8">
        <v>2208625</v>
      </c>
      <c r="B2362" s="8" t="s">
        <v>2279</v>
      </c>
    </row>
    <row r="2363" spans="1:2">
      <c r="A2363" s="8">
        <v>2208502</v>
      </c>
      <c r="B2363" s="8" t="s">
        <v>2280</v>
      </c>
    </row>
    <row r="2364" spans="1:2">
      <c r="A2364" s="8">
        <v>2208521</v>
      </c>
      <c r="B2364" s="8" t="s">
        <v>2281</v>
      </c>
    </row>
    <row r="2365" spans="1:2">
      <c r="A2365" s="8">
        <v>2208566</v>
      </c>
      <c r="B2365" s="8" t="s">
        <v>2282</v>
      </c>
    </row>
    <row r="2366" spans="1:2">
      <c r="A2366" s="8">
        <v>2208609</v>
      </c>
      <c r="B2366" s="8" t="s">
        <v>2283</v>
      </c>
    </row>
    <row r="2367" spans="1:2">
      <c r="A2367" s="8">
        <v>2208530</v>
      </c>
      <c r="B2367" s="8" t="s">
        <v>2284</v>
      </c>
    </row>
    <row r="2368" spans="1:2">
      <c r="A2368" s="8">
        <v>2208684</v>
      </c>
      <c r="B2368" s="8" t="s">
        <v>2285</v>
      </c>
    </row>
    <row r="2369" spans="1:2">
      <c r="A2369" s="8">
        <v>2208538</v>
      </c>
      <c r="B2369" s="8" t="s">
        <v>2286</v>
      </c>
    </row>
    <row r="2370" spans="1:2">
      <c r="A2370" s="8">
        <v>2208750</v>
      </c>
      <c r="B2370" s="8" t="s">
        <v>2287</v>
      </c>
    </row>
    <row r="2371" spans="1:2">
      <c r="A2371" s="8">
        <v>2208620</v>
      </c>
      <c r="B2371" s="8" t="s">
        <v>2288</v>
      </c>
    </row>
    <row r="2372" spans="1:2">
      <c r="A2372" s="8">
        <v>2208765</v>
      </c>
      <c r="B2372" s="8" t="s">
        <v>2289</v>
      </c>
    </row>
    <row r="2373" spans="1:2">
      <c r="A2373" s="8">
        <v>2208565</v>
      </c>
      <c r="B2373" s="8" t="s">
        <v>2290</v>
      </c>
    </row>
    <row r="2374" spans="1:2">
      <c r="A2374" s="8">
        <v>2208520</v>
      </c>
      <c r="B2374" s="8" t="s">
        <v>2291</v>
      </c>
    </row>
    <row r="2375" spans="1:2">
      <c r="A2375" s="8">
        <v>2208580</v>
      </c>
      <c r="B2375" s="8" t="s">
        <v>2292</v>
      </c>
    </row>
    <row r="2376" spans="1:2">
      <c r="A2376" s="8">
        <v>2208686</v>
      </c>
      <c r="B2376" s="8" t="s">
        <v>2293</v>
      </c>
    </row>
    <row r="2377" spans="1:2">
      <c r="A2377" s="8">
        <v>2208586</v>
      </c>
      <c r="B2377" s="8" t="s">
        <v>2271</v>
      </c>
    </row>
    <row r="2378" spans="1:2">
      <c r="A2378" s="8">
        <v>2208508</v>
      </c>
      <c r="B2378" s="8" t="s">
        <v>2294</v>
      </c>
    </row>
    <row r="2379" spans="1:2">
      <c r="A2379" s="8">
        <v>2208722</v>
      </c>
      <c r="B2379" s="8" t="s">
        <v>2295</v>
      </c>
    </row>
    <row r="2380" spans="1:2">
      <c r="A2380" s="8">
        <v>2208711</v>
      </c>
      <c r="B2380" s="8" t="s">
        <v>2296</v>
      </c>
    </row>
    <row r="2381" spans="1:2">
      <c r="A2381" s="8">
        <v>2208660</v>
      </c>
      <c r="B2381" s="8" t="s">
        <v>2297</v>
      </c>
    </row>
    <row r="2382" spans="1:2">
      <c r="A2382" s="8">
        <v>2208653</v>
      </c>
      <c r="B2382" s="8" t="s">
        <v>2298</v>
      </c>
    </row>
    <row r="2383" spans="1:2">
      <c r="A2383" s="8">
        <v>2208401</v>
      </c>
      <c r="B2383" s="8" t="s">
        <v>2299</v>
      </c>
    </row>
    <row r="2384" spans="1:2">
      <c r="A2384" s="8">
        <v>2208615</v>
      </c>
      <c r="B2384" s="8" t="s">
        <v>2300</v>
      </c>
    </row>
    <row r="2385" spans="1:2">
      <c r="A2385" s="8">
        <v>2208522</v>
      </c>
      <c r="B2385" s="8" t="s">
        <v>2301</v>
      </c>
    </row>
    <row r="2386" spans="1:2">
      <c r="A2386" s="8">
        <v>2208501</v>
      </c>
      <c r="B2386" s="8" t="s">
        <v>2302</v>
      </c>
    </row>
    <row r="2387" spans="1:2">
      <c r="A2387" s="8">
        <v>2208173</v>
      </c>
      <c r="B2387" s="8" t="s">
        <v>2303</v>
      </c>
    </row>
    <row r="2388" spans="1:2">
      <c r="A2388" s="8">
        <v>2208601</v>
      </c>
      <c r="B2388" s="8" t="s">
        <v>2304</v>
      </c>
    </row>
    <row r="2389" spans="1:2">
      <c r="A2389" s="8">
        <v>2208616</v>
      </c>
      <c r="B2389" s="8" t="s">
        <v>2300</v>
      </c>
    </row>
    <row r="2390" spans="1:2">
      <c r="A2390" s="8">
        <v>2208611</v>
      </c>
      <c r="B2390" s="8" t="s">
        <v>2300</v>
      </c>
    </row>
    <row r="2391" spans="1:2">
      <c r="A2391" s="8">
        <v>2208612</v>
      </c>
      <c r="B2391" s="8" t="s">
        <v>2300</v>
      </c>
    </row>
    <row r="2392" spans="1:2">
      <c r="A2392" s="8">
        <v>2208613</v>
      </c>
      <c r="B2392" s="8" t="s">
        <v>2300</v>
      </c>
    </row>
    <row r="2393" spans="1:2">
      <c r="A2393" s="8">
        <v>2208614</v>
      </c>
      <c r="B2393" s="8" t="s">
        <v>2300</v>
      </c>
    </row>
    <row r="2394" spans="1:2">
      <c r="A2394" s="8">
        <v>2318310</v>
      </c>
      <c r="B2394" s="8" t="s">
        <v>2305</v>
      </c>
    </row>
    <row r="2395" spans="1:2">
      <c r="A2395" s="8">
        <v>2318566</v>
      </c>
      <c r="B2395" s="8" t="s">
        <v>2306</v>
      </c>
    </row>
    <row r="2396" spans="1:2">
      <c r="A2396" s="8">
        <v>2318504</v>
      </c>
      <c r="B2396" s="8" t="s">
        <v>2307</v>
      </c>
    </row>
    <row r="2397" spans="1:2">
      <c r="A2397" s="8">
        <v>2318311</v>
      </c>
      <c r="B2397" s="8" t="s">
        <v>2308</v>
      </c>
    </row>
    <row r="2398" spans="1:2">
      <c r="A2398" s="8">
        <v>2318530</v>
      </c>
      <c r="B2398" s="8" t="s">
        <v>2306</v>
      </c>
    </row>
    <row r="2399" spans="1:2">
      <c r="A2399" s="8">
        <v>2318534</v>
      </c>
      <c r="B2399" s="8" t="s">
        <v>2309</v>
      </c>
    </row>
    <row r="2400" spans="1:2">
      <c r="A2400" s="8">
        <v>2318555</v>
      </c>
      <c r="B2400" s="8" t="s">
        <v>2310</v>
      </c>
    </row>
    <row r="2401" spans="1:2">
      <c r="A2401" s="8">
        <v>2318323</v>
      </c>
      <c r="B2401" s="8" t="s">
        <v>2311</v>
      </c>
    </row>
    <row r="2402" spans="1:2">
      <c r="A2402" s="8">
        <v>2318434</v>
      </c>
      <c r="B2402" s="8" t="s">
        <v>2312</v>
      </c>
    </row>
    <row r="2403" spans="1:2">
      <c r="A2403" s="8">
        <v>2318478</v>
      </c>
      <c r="B2403" s="8" t="s">
        <v>2313</v>
      </c>
    </row>
    <row r="2404" spans="1:2">
      <c r="A2404" s="8">
        <v>2318330</v>
      </c>
      <c r="B2404" s="8" t="s">
        <v>2314</v>
      </c>
    </row>
    <row r="2405" spans="1:2">
      <c r="A2405" s="8">
        <v>2318477</v>
      </c>
      <c r="B2405" s="8" t="s">
        <v>2315</v>
      </c>
    </row>
    <row r="2406" spans="1:2">
      <c r="A2406" s="8">
        <v>2318445</v>
      </c>
      <c r="B2406" s="8" t="s">
        <v>2316</v>
      </c>
    </row>
    <row r="2407" spans="1:2">
      <c r="A2407" s="8">
        <v>2208588</v>
      </c>
      <c r="B2407" s="8" t="s">
        <v>2316</v>
      </c>
    </row>
    <row r="2408" spans="1:2">
      <c r="A2408" s="8">
        <v>2318321</v>
      </c>
      <c r="B2408" s="8" t="s">
        <v>2317</v>
      </c>
    </row>
    <row r="2409" spans="1:2">
      <c r="A2409" s="8">
        <v>2318631</v>
      </c>
      <c r="B2409" s="8" t="s">
        <v>2318</v>
      </c>
    </row>
    <row r="2410" spans="1:2">
      <c r="A2410" s="8">
        <v>2318001</v>
      </c>
      <c r="B2410" s="8" t="s">
        <v>2316</v>
      </c>
    </row>
    <row r="2411" spans="1:2">
      <c r="A2411" s="8">
        <v>2318464</v>
      </c>
      <c r="B2411" s="8" t="s">
        <v>2319</v>
      </c>
    </row>
    <row r="2412" spans="1:2">
      <c r="A2412" s="8">
        <v>2318831</v>
      </c>
      <c r="B2412" s="8" t="s">
        <v>2320</v>
      </c>
    </row>
    <row r="2413" spans="1:2">
      <c r="A2413" s="8">
        <v>2318539</v>
      </c>
      <c r="B2413" s="8" t="s">
        <v>2321</v>
      </c>
    </row>
    <row r="2414" spans="1:2">
      <c r="A2414" s="8">
        <v>2318528</v>
      </c>
      <c r="B2414" s="8" t="s">
        <v>2322</v>
      </c>
    </row>
    <row r="2415" spans="1:2">
      <c r="A2415" s="8">
        <v>2318520</v>
      </c>
      <c r="B2415" s="8" t="s">
        <v>2323</v>
      </c>
    </row>
    <row r="2416" spans="1:2">
      <c r="A2416" s="8">
        <v>2318623</v>
      </c>
      <c r="B2416" s="8" t="s">
        <v>2324</v>
      </c>
    </row>
    <row r="2417" spans="1:2">
      <c r="A2417" s="8">
        <v>2318544</v>
      </c>
      <c r="B2417" s="8" t="s">
        <v>2325</v>
      </c>
    </row>
    <row r="2418" spans="1:2">
      <c r="A2418" s="8">
        <v>2318328</v>
      </c>
      <c r="B2418" s="8" t="s">
        <v>2326</v>
      </c>
    </row>
    <row r="2419" spans="1:2">
      <c r="A2419" s="8">
        <v>2318654</v>
      </c>
      <c r="B2419" s="8" t="s">
        <v>2327</v>
      </c>
    </row>
    <row r="2420" spans="1:2">
      <c r="A2420" s="8">
        <v>2318660</v>
      </c>
      <c r="B2420" s="8" t="s">
        <v>2328</v>
      </c>
    </row>
    <row r="2421" spans="1:2">
      <c r="A2421" s="8">
        <v>2318549</v>
      </c>
      <c r="B2421" s="8" t="s">
        <v>2329</v>
      </c>
    </row>
    <row r="2422" spans="1:2">
      <c r="A2422" s="8">
        <v>2318320</v>
      </c>
      <c r="B2422" s="8" t="s">
        <v>2330</v>
      </c>
    </row>
    <row r="2423" spans="1:2">
      <c r="A2423" s="8">
        <v>2318346</v>
      </c>
      <c r="B2423" s="8" t="s">
        <v>2309</v>
      </c>
    </row>
    <row r="2424" spans="1:2">
      <c r="A2424" s="8">
        <v>2318652</v>
      </c>
      <c r="B2424" s="8" t="s">
        <v>2331</v>
      </c>
    </row>
    <row r="2425" spans="1:2">
      <c r="A2425" s="8">
        <v>2318335</v>
      </c>
      <c r="B2425" s="8" t="s">
        <v>2332</v>
      </c>
    </row>
    <row r="2426" spans="1:2">
      <c r="A2426" s="8">
        <v>2318616</v>
      </c>
      <c r="B2426" s="8" t="s">
        <v>2333</v>
      </c>
    </row>
    <row r="2427" spans="1:2">
      <c r="A2427" s="8">
        <v>2318338</v>
      </c>
      <c r="B2427" s="8" t="s">
        <v>2313</v>
      </c>
    </row>
    <row r="2428" spans="1:2">
      <c r="A2428" s="8">
        <v>2318331</v>
      </c>
      <c r="B2428" s="8" t="s">
        <v>2334</v>
      </c>
    </row>
    <row r="2429" spans="1:2">
      <c r="A2429" s="8">
        <v>2318553</v>
      </c>
      <c r="B2429" s="8" t="s">
        <v>2335</v>
      </c>
    </row>
    <row r="2430" spans="1:2">
      <c r="A2430" s="8">
        <v>2318966</v>
      </c>
      <c r="B2430" s="8" t="s">
        <v>2313</v>
      </c>
    </row>
    <row r="2431" spans="1:2">
      <c r="A2431" s="8">
        <v>2318484</v>
      </c>
      <c r="B2431" s="8" t="s">
        <v>2336</v>
      </c>
    </row>
    <row r="2432" spans="1:2">
      <c r="A2432" s="8">
        <v>2318536</v>
      </c>
      <c r="B2432" s="8" t="s">
        <v>2337</v>
      </c>
    </row>
    <row r="2433" spans="1:2">
      <c r="A2433" s="8">
        <v>2318324</v>
      </c>
      <c r="B2433" s="8" t="s">
        <v>2338</v>
      </c>
    </row>
    <row r="2434" spans="1:2">
      <c r="A2434" s="8">
        <v>2318340</v>
      </c>
      <c r="B2434" s="8" t="s">
        <v>2339</v>
      </c>
    </row>
    <row r="2435" spans="1:2">
      <c r="A2435" s="8">
        <v>2318651</v>
      </c>
      <c r="B2435" s="8" t="s">
        <v>2340</v>
      </c>
    </row>
    <row r="2436" spans="1:2">
      <c r="A2436" s="8">
        <v>2318008</v>
      </c>
      <c r="B2436" s="8" t="s">
        <v>2341</v>
      </c>
    </row>
    <row r="2437" spans="1:2">
      <c r="A2437" s="8">
        <v>2318419</v>
      </c>
      <c r="B2437" s="8" t="s">
        <v>2342</v>
      </c>
    </row>
    <row r="2438" spans="1:2">
      <c r="A2438" s="8">
        <v>2318715</v>
      </c>
      <c r="B2438" s="8" t="s">
        <v>2343</v>
      </c>
    </row>
    <row r="2439" spans="1:2">
      <c r="A2439" s="8">
        <v>2318315</v>
      </c>
      <c r="B2439" s="8" t="s">
        <v>2344</v>
      </c>
    </row>
    <row r="2440" spans="1:2">
      <c r="A2440" s="8">
        <v>2318585</v>
      </c>
      <c r="B2440" s="8" t="s">
        <v>2345</v>
      </c>
    </row>
    <row r="2441" spans="1:2">
      <c r="A2441" s="8">
        <v>2318772</v>
      </c>
      <c r="B2441" s="8" t="s">
        <v>2346</v>
      </c>
    </row>
    <row r="2442" spans="1:2">
      <c r="A2442" s="8">
        <v>2318771</v>
      </c>
      <c r="B2442" s="8" t="s">
        <v>2346</v>
      </c>
    </row>
    <row r="2443" spans="1:2">
      <c r="A2443" s="8">
        <v>2318343</v>
      </c>
      <c r="B2443" s="8" t="s">
        <v>2347</v>
      </c>
    </row>
    <row r="2444" spans="1:2">
      <c r="A2444" s="8">
        <v>2318313</v>
      </c>
      <c r="B2444" s="8" t="s">
        <v>2347</v>
      </c>
    </row>
    <row r="2445" spans="1:2">
      <c r="A2445" s="8">
        <v>2318312</v>
      </c>
      <c r="B2445" s="8" t="s">
        <v>2347</v>
      </c>
    </row>
    <row r="2446" spans="1:2">
      <c r="A2446" s="8">
        <v>2318314</v>
      </c>
      <c r="B2446" s="8" t="s">
        <v>2347</v>
      </c>
    </row>
    <row r="2447" spans="1:2">
      <c r="A2447" s="8">
        <v>2318316</v>
      </c>
      <c r="B2447" s="8" t="s">
        <v>2347</v>
      </c>
    </row>
    <row r="2448" spans="1:2">
      <c r="A2448" s="8">
        <v>2318455</v>
      </c>
      <c r="B2448" s="8" t="s">
        <v>2348</v>
      </c>
    </row>
    <row r="2449" spans="1:2">
      <c r="A2449" s="8">
        <v>2318307</v>
      </c>
      <c r="B2449" s="8" t="s">
        <v>2349</v>
      </c>
    </row>
    <row r="2450" spans="1:2">
      <c r="A2450" s="8">
        <v>2318682</v>
      </c>
      <c r="B2450" s="8" t="s">
        <v>2350</v>
      </c>
    </row>
    <row r="2451" spans="1:2">
      <c r="A2451" s="8">
        <v>2318411</v>
      </c>
      <c r="B2451" s="8" t="s">
        <v>2351</v>
      </c>
    </row>
    <row r="2452" spans="1:2">
      <c r="A2452" s="8">
        <v>2318750</v>
      </c>
      <c r="B2452" s="8" t="s">
        <v>2352</v>
      </c>
    </row>
    <row r="2453" spans="1:2">
      <c r="A2453" s="8">
        <v>2318550</v>
      </c>
      <c r="B2453" s="8" t="s">
        <v>2352</v>
      </c>
    </row>
    <row r="2454" spans="1:2">
      <c r="A2454" s="8">
        <v>2318562</v>
      </c>
      <c r="B2454" s="8" t="s">
        <v>2353</v>
      </c>
    </row>
    <row r="2455" spans="1:2">
      <c r="A2455" s="8">
        <v>2318689</v>
      </c>
      <c r="B2455" s="8" t="s">
        <v>2354</v>
      </c>
    </row>
    <row r="2456" spans="1:2">
      <c r="A2456" s="8">
        <v>2318588</v>
      </c>
      <c r="B2456" s="8" t="s">
        <v>2355</v>
      </c>
    </row>
    <row r="2457" spans="1:2">
      <c r="A2457" s="8">
        <v>2318711</v>
      </c>
      <c r="B2457" s="8" t="s">
        <v>2356</v>
      </c>
    </row>
    <row r="2458" spans="1:2">
      <c r="A2458" s="8">
        <v>2328602</v>
      </c>
      <c r="B2458" s="8" t="s">
        <v>2357</v>
      </c>
    </row>
    <row r="2459" spans="1:2">
      <c r="A2459" s="8">
        <v>2328555</v>
      </c>
      <c r="B2459" s="8" t="s">
        <v>2358</v>
      </c>
    </row>
    <row r="2460" spans="1:2">
      <c r="A2460" s="8">
        <v>2328531</v>
      </c>
      <c r="B2460" s="8" t="s">
        <v>2359</v>
      </c>
    </row>
    <row r="2461" spans="1:2">
      <c r="A2461" s="8">
        <v>2328688</v>
      </c>
      <c r="B2461" s="8" t="s">
        <v>2360</v>
      </c>
    </row>
    <row r="2462" spans="1:2">
      <c r="A2462" s="8">
        <v>2328580</v>
      </c>
      <c r="B2462" s="8" t="s">
        <v>2361</v>
      </c>
    </row>
    <row r="2463" spans="1:2">
      <c r="A2463" s="8">
        <v>2328515</v>
      </c>
      <c r="B2463" s="8" t="s">
        <v>2362</v>
      </c>
    </row>
    <row r="2464" spans="1:2">
      <c r="A2464" s="8">
        <v>2328510</v>
      </c>
      <c r="B2464" s="8" t="s">
        <v>2363</v>
      </c>
    </row>
    <row r="2465" spans="1:2">
      <c r="A2465" s="8">
        <v>2328558</v>
      </c>
      <c r="B2465" s="8" t="s">
        <v>2364</v>
      </c>
    </row>
    <row r="2466" spans="1:2">
      <c r="A2466" s="8">
        <v>2328587</v>
      </c>
      <c r="B2466" s="8" t="s">
        <v>2365</v>
      </c>
    </row>
    <row r="2467" spans="1:2">
      <c r="A2467" s="8">
        <v>2328585</v>
      </c>
      <c r="B2467" s="8" t="s">
        <v>2366</v>
      </c>
    </row>
    <row r="2468" spans="1:2">
      <c r="A2468" s="8">
        <v>2408540</v>
      </c>
      <c r="B2468" s="8" t="s">
        <v>2367</v>
      </c>
    </row>
    <row r="2469" spans="1:2">
      <c r="A2469" s="8">
        <v>2408521</v>
      </c>
      <c r="B2469" s="8" t="s">
        <v>2368</v>
      </c>
    </row>
    <row r="2470" spans="1:2">
      <c r="A2470" s="8">
        <v>2408550</v>
      </c>
      <c r="B2470" s="8" t="s">
        <v>2369</v>
      </c>
    </row>
    <row r="2471" spans="1:2">
      <c r="A2471" s="8">
        <v>2408501</v>
      </c>
      <c r="B2471" s="8" t="s">
        <v>2370</v>
      </c>
    </row>
    <row r="2472" spans="1:2">
      <c r="A2472" s="8">
        <v>2408612</v>
      </c>
      <c r="B2472" s="8" t="s">
        <v>2371</v>
      </c>
    </row>
    <row r="2473" spans="1:2">
      <c r="A2473" s="8">
        <v>2358501</v>
      </c>
      <c r="B2473" s="8" t="s">
        <v>2372</v>
      </c>
    </row>
    <row r="2474" spans="1:2">
      <c r="A2474" s="8">
        <v>2358522</v>
      </c>
      <c r="B2474" s="8" t="s">
        <v>2373</v>
      </c>
    </row>
    <row r="2475" spans="1:2">
      <c r="A2475" s="8">
        <v>2358505</v>
      </c>
      <c r="B2475" s="8" t="s">
        <v>2374</v>
      </c>
    </row>
    <row r="2476" spans="1:2">
      <c r="A2476" s="8">
        <v>2358523</v>
      </c>
      <c r="B2476" s="8" t="s">
        <v>2373</v>
      </c>
    </row>
    <row r="2477" spans="1:2">
      <c r="A2477" s="8">
        <v>2358558</v>
      </c>
      <c r="B2477" s="8" t="s">
        <v>2375</v>
      </c>
    </row>
    <row r="2478" spans="1:2">
      <c r="A2478" s="8">
        <v>2368651</v>
      </c>
      <c r="B2478" s="8" t="s">
        <v>2376</v>
      </c>
    </row>
    <row r="2479" spans="1:2">
      <c r="A2479" s="8">
        <v>2368641</v>
      </c>
      <c r="B2479" s="8" t="s">
        <v>2377</v>
      </c>
    </row>
    <row r="2480" spans="1:2">
      <c r="A2480" s="8">
        <v>2368645</v>
      </c>
      <c r="B2480" s="8" t="s">
        <v>2378</v>
      </c>
    </row>
    <row r="2481" spans="1:2">
      <c r="A2481" s="8">
        <v>2368501</v>
      </c>
      <c r="B2481" s="8" t="s">
        <v>2379</v>
      </c>
    </row>
    <row r="2482" spans="1:2">
      <c r="A2482" s="8">
        <v>2368503</v>
      </c>
      <c r="B2482" s="8" t="s">
        <v>2379</v>
      </c>
    </row>
    <row r="2483" spans="1:2">
      <c r="A2483" s="8">
        <v>2368502</v>
      </c>
      <c r="B2483" s="8" t="s">
        <v>2380</v>
      </c>
    </row>
    <row r="2484" spans="1:2">
      <c r="A2484" s="8">
        <v>2368504</v>
      </c>
      <c r="B2484" s="8" t="s">
        <v>2379</v>
      </c>
    </row>
    <row r="2485" spans="1:2">
      <c r="A2485" s="8">
        <v>2368648</v>
      </c>
      <c r="B2485" s="8" t="s">
        <v>2381</v>
      </c>
    </row>
    <row r="2486" spans="1:2">
      <c r="A2486" s="8">
        <v>2368653</v>
      </c>
      <c r="B2486" s="8" t="s">
        <v>2382</v>
      </c>
    </row>
    <row r="2487" spans="1:2">
      <c r="A2487" s="8">
        <v>2368555</v>
      </c>
      <c r="B2487" s="8" t="s">
        <v>2383</v>
      </c>
    </row>
    <row r="2488" spans="1:2">
      <c r="A2488" s="8">
        <v>2368540</v>
      </c>
      <c r="B2488" s="8" t="s">
        <v>2384</v>
      </c>
    </row>
    <row r="2489" spans="1:2">
      <c r="A2489" s="8">
        <v>2368515</v>
      </c>
      <c r="B2489" s="8" t="s">
        <v>2385</v>
      </c>
    </row>
    <row r="2490" spans="1:2">
      <c r="A2490" s="8">
        <v>2368550</v>
      </c>
      <c r="B2490" s="8" t="s">
        <v>2386</v>
      </c>
    </row>
    <row r="2491" spans="1:2">
      <c r="A2491" s="8">
        <v>2228556</v>
      </c>
      <c r="B2491" s="8" t="s">
        <v>2387</v>
      </c>
    </row>
    <row r="2492" spans="1:2">
      <c r="A2492" s="8">
        <v>2228558</v>
      </c>
      <c r="B2492" s="8" t="s">
        <v>2388</v>
      </c>
    </row>
    <row r="2493" spans="1:2">
      <c r="A2493" s="8">
        <v>2228564</v>
      </c>
      <c r="B2493" s="8" t="s">
        <v>2389</v>
      </c>
    </row>
    <row r="2494" spans="1:2">
      <c r="A2494" s="8">
        <v>2228565</v>
      </c>
      <c r="B2494" s="8" t="s">
        <v>2389</v>
      </c>
    </row>
    <row r="2495" spans="1:2">
      <c r="A2495" s="8">
        <v>2228580</v>
      </c>
      <c r="B2495" s="8" t="s">
        <v>2390</v>
      </c>
    </row>
    <row r="2496" spans="1:2">
      <c r="A2496" s="8">
        <v>2228586</v>
      </c>
      <c r="B2496" s="8" t="s">
        <v>2391</v>
      </c>
    </row>
    <row r="2497" spans="1:2">
      <c r="A2497" s="8">
        <v>2228520</v>
      </c>
      <c r="B2497" s="8" t="s">
        <v>2392</v>
      </c>
    </row>
    <row r="2498" spans="1:2">
      <c r="A2498" s="8">
        <v>2228550</v>
      </c>
      <c r="B2498" s="8" t="s">
        <v>2393</v>
      </c>
    </row>
    <row r="2499" spans="1:2">
      <c r="A2499" s="8">
        <v>2228561</v>
      </c>
      <c r="B2499" s="8" t="s">
        <v>2394</v>
      </c>
    </row>
    <row r="2500" spans="1:2">
      <c r="A2500" s="8">
        <v>2228523</v>
      </c>
      <c r="B2500" s="8" t="s">
        <v>2395</v>
      </c>
    </row>
    <row r="2501" spans="1:2">
      <c r="A2501" s="8">
        <v>2228507</v>
      </c>
      <c r="B2501" s="8" t="s">
        <v>2396</v>
      </c>
    </row>
    <row r="2502" spans="1:2">
      <c r="A2502" s="8">
        <v>2228505</v>
      </c>
      <c r="B2502" s="8" t="s">
        <v>2397</v>
      </c>
    </row>
    <row r="2503" spans="1:2">
      <c r="A2503" s="8">
        <v>2228525</v>
      </c>
      <c r="B2503" s="8" t="s">
        <v>2398</v>
      </c>
    </row>
    <row r="2504" spans="1:2">
      <c r="A2504" s="8">
        <v>2228511</v>
      </c>
      <c r="B2504" s="8" t="s">
        <v>2395</v>
      </c>
    </row>
    <row r="2505" spans="1:2">
      <c r="A2505" s="8">
        <v>2228577</v>
      </c>
      <c r="B2505" s="8" t="s">
        <v>2399</v>
      </c>
    </row>
    <row r="2506" spans="1:2">
      <c r="A2506" s="8">
        <v>2228563</v>
      </c>
      <c r="B2506" s="8" t="s">
        <v>2400</v>
      </c>
    </row>
    <row r="2507" spans="1:2">
      <c r="A2507" s="8">
        <v>2228530</v>
      </c>
      <c r="B2507" s="8" t="s">
        <v>2401</v>
      </c>
    </row>
    <row r="2508" spans="1:2">
      <c r="A2508" s="8">
        <v>2228622</v>
      </c>
      <c r="B2508" s="8" t="s">
        <v>2402</v>
      </c>
    </row>
    <row r="2509" spans="1:2">
      <c r="A2509" s="8">
        <v>2228533</v>
      </c>
      <c r="B2509" s="8" t="s">
        <v>2403</v>
      </c>
    </row>
    <row r="2510" spans="1:2">
      <c r="A2510" s="8">
        <v>2228501</v>
      </c>
      <c r="B2510" s="8" t="s">
        <v>2404</v>
      </c>
    </row>
    <row r="2511" spans="1:2">
      <c r="A2511" s="8">
        <v>2228515</v>
      </c>
      <c r="B2511" s="8" t="s">
        <v>2405</v>
      </c>
    </row>
    <row r="2512" spans="1:2">
      <c r="A2512" s="8">
        <v>2228509</v>
      </c>
      <c r="B2512" s="8" t="s">
        <v>2406</v>
      </c>
    </row>
    <row r="2513" spans="1:2">
      <c r="A2513" s="8">
        <v>2228585</v>
      </c>
      <c r="B2513" s="8" t="s">
        <v>2407</v>
      </c>
    </row>
    <row r="2514" spans="1:2">
      <c r="A2514" s="8">
        <v>2228566</v>
      </c>
      <c r="B2514" s="8" t="s">
        <v>2408</v>
      </c>
    </row>
    <row r="2515" spans="1:2">
      <c r="A2515" s="8">
        <v>2228508</v>
      </c>
      <c r="B2515" s="8" t="s">
        <v>2409</v>
      </c>
    </row>
    <row r="2516" spans="1:2">
      <c r="A2516" s="8">
        <v>2228562</v>
      </c>
      <c r="B2516" s="8" t="s">
        <v>2400</v>
      </c>
    </row>
    <row r="2517" spans="1:2">
      <c r="A2517" s="8">
        <v>2228652</v>
      </c>
      <c r="B2517" s="8" t="s">
        <v>2410</v>
      </c>
    </row>
    <row r="2518" spans="1:2">
      <c r="A2518" s="8">
        <v>2228552</v>
      </c>
      <c r="B2518" s="8" t="s">
        <v>2411</v>
      </c>
    </row>
    <row r="2519" spans="1:2">
      <c r="A2519" s="8">
        <v>2228575</v>
      </c>
      <c r="B2519" s="8" t="s">
        <v>2412</v>
      </c>
    </row>
    <row r="2520" spans="1:2">
      <c r="A2520" s="8">
        <v>2238501</v>
      </c>
      <c r="B2520" s="8" t="s">
        <v>2413</v>
      </c>
    </row>
    <row r="2521" spans="1:2">
      <c r="A2521" s="8">
        <v>2238502</v>
      </c>
      <c r="B2521" s="8" t="s">
        <v>2414</v>
      </c>
    </row>
    <row r="2522" spans="1:2">
      <c r="A2522" s="8">
        <v>2238558</v>
      </c>
      <c r="B2522" s="8" t="s">
        <v>2415</v>
      </c>
    </row>
    <row r="2523" spans="1:2">
      <c r="A2523" s="8">
        <v>2238577</v>
      </c>
      <c r="B2523" s="8" t="s">
        <v>2416</v>
      </c>
    </row>
    <row r="2524" spans="1:2">
      <c r="A2524" s="8">
        <v>2238580</v>
      </c>
      <c r="B2524" s="8" t="s">
        <v>2417</v>
      </c>
    </row>
    <row r="2525" spans="1:2">
      <c r="A2525" s="8">
        <v>2238588</v>
      </c>
      <c r="B2525" s="8" t="s">
        <v>2418</v>
      </c>
    </row>
    <row r="2526" spans="1:2">
      <c r="A2526" s="8">
        <v>2238508</v>
      </c>
      <c r="B2526" s="8" t="s">
        <v>2419</v>
      </c>
    </row>
    <row r="2527" spans="1:2">
      <c r="A2527" s="8">
        <v>2238520</v>
      </c>
      <c r="B2527" s="8" t="s">
        <v>2420</v>
      </c>
    </row>
    <row r="2528" spans="1:2">
      <c r="A2528" s="8">
        <v>2238533</v>
      </c>
      <c r="B2528" s="8" t="s">
        <v>2421</v>
      </c>
    </row>
    <row r="2529" spans="1:2">
      <c r="A2529" s="8">
        <v>2238541</v>
      </c>
      <c r="B2529" s="8" t="s">
        <v>2422</v>
      </c>
    </row>
    <row r="2530" spans="1:2">
      <c r="A2530" s="8">
        <v>2238527</v>
      </c>
      <c r="B2530" s="8" t="s">
        <v>2423</v>
      </c>
    </row>
    <row r="2531" spans="1:2">
      <c r="A2531" s="8">
        <v>2238542</v>
      </c>
      <c r="B2531" s="8" t="s">
        <v>2424</v>
      </c>
    </row>
    <row r="2532" spans="1:2">
      <c r="A2532" s="8">
        <v>2238510</v>
      </c>
      <c r="B2532" s="8" t="s">
        <v>2425</v>
      </c>
    </row>
    <row r="2533" spans="1:2">
      <c r="A2533" s="8">
        <v>2238570</v>
      </c>
      <c r="B2533" s="8" t="s">
        <v>2426</v>
      </c>
    </row>
    <row r="2534" spans="1:2">
      <c r="A2534" s="8">
        <v>2238530</v>
      </c>
      <c r="B2534" s="8" t="s">
        <v>2427</v>
      </c>
    </row>
    <row r="2535" spans="1:2">
      <c r="A2535" s="8">
        <v>2238560</v>
      </c>
      <c r="B2535" s="8" t="s">
        <v>2428</v>
      </c>
    </row>
    <row r="2536" spans="1:2">
      <c r="A2536" s="8">
        <v>2238555</v>
      </c>
      <c r="B2536" s="8" t="s">
        <v>2429</v>
      </c>
    </row>
    <row r="2537" spans="1:2">
      <c r="A2537" s="8">
        <v>2238525</v>
      </c>
      <c r="B2537" s="8" t="s">
        <v>2430</v>
      </c>
    </row>
    <row r="2538" spans="1:2">
      <c r="A2538" s="8">
        <v>2238526</v>
      </c>
      <c r="B2538" s="8" t="s">
        <v>2431</v>
      </c>
    </row>
    <row r="2539" spans="1:2">
      <c r="A2539" s="8">
        <v>2238521</v>
      </c>
      <c r="B2539" s="8" t="s">
        <v>2431</v>
      </c>
    </row>
    <row r="2540" spans="1:2">
      <c r="A2540" s="8">
        <v>2238522</v>
      </c>
      <c r="B2540" s="8" t="s">
        <v>2432</v>
      </c>
    </row>
    <row r="2541" spans="1:2">
      <c r="A2541" s="8">
        <v>2238523</v>
      </c>
      <c r="B2541" s="8" t="s">
        <v>2433</v>
      </c>
    </row>
    <row r="2542" spans="1:2">
      <c r="A2542" s="8">
        <v>2238540</v>
      </c>
      <c r="B2542" s="8" t="s">
        <v>2434</v>
      </c>
    </row>
    <row r="2543" spans="1:2">
      <c r="A2543" s="8">
        <v>2238572</v>
      </c>
      <c r="B2543" s="8" t="s">
        <v>2435</v>
      </c>
    </row>
    <row r="2544" spans="1:2">
      <c r="A2544" s="8">
        <v>2238511</v>
      </c>
      <c r="B2544" s="8" t="s">
        <v>2436</v>
      </c>
    </row>
    <row r="2545" spans="1:2">
      <c r="A2545" s="8">
        <v>2238506</v>
      </c>
      <c r="B2545" s="8" t="s">
        <v>2437</v>
      </c>
    </row>
    <row r="2546" spans="1:2">
      <c r="A2546" s="8">
        <v>2238566</v>
      </c>
      <c r="B2546" s="8" t="s">
        <v>2438</v>
      </c>
    </row>
    <row r="2547" spans="1:2">
      <c r="A2547" s="8">
        <v>2238550</v>
      </c>
      <c r="B2547" s="8" t="s">
        <v>2439</v>
      </c>
    </row>
    <row r="2548" spans="1:2">
      <c r="A2548" s="8">
        <v>2238507</v>
      </c>
      <c r="B2548" s="8" t="s">
        <v>2440</v>
      </c>
    </row>
    <row r="2549" spans="1:2">
      <c r="A2549" s="8">
        <v>2238512</v>
      </c>
      <c r="B2549" s="8" t="s">
        <v>2441</v>
      </c>
    </row>
    <row r="2550" spans="1:2">
      <c r="A2550" s="8">
        <v>2238539</v>
      </c>
      <c r="B2550" s="8" t="s">
        <v>2442</v>
      </c>
    </row>
    <row r="2551" spans="1:2">
      <c r="A2551" s="8">
        <v>2238567</v>
      </c>
      <c r="B2551" s="8" t="s">
        <v>2443</v>
      </c>
    </row>
    <row r="2552" spans="1:2">
      <c r="A2552" s="8">
        <v>2238515</v>
      </c>
      <c r="B2552" s="8" t="s">
        <v>2444</v>
      </c>
    </row>
    <row r="2553" spans="1:2">
      <c r="A2553" s="8">
        <v>2238505</v>
      </c>
      <c r="B2553" s="8" t="s">
        <v>2445</v>
      </c>
    </row>
    <row r="2554" spans="1:2">
      <c r="A2554" s="8">
        <v>2238585</v>
      </c>
      <c r="B2554" s="8" t="s">
        <v>2446</v>
      </c>
    </row>
    <row r="2555" spans="1:2">
      <c r="A2555" s="8">
        <v>2448555</v>
      </c>
      <c r="B2555" s="8" t="s">
        <v>2447</v>
      </c>
    </row>
    <row r="2556" spans="1:2">
      <c r="A2556" s="8">
        <v>2448567</v>
      </c>
      <c r="B2556" s="8" t="s">
        <v>2448</v>
      </c>
    </row>
    <row r="2557" spans="1:2">
      <c r="A2557" s="8">
        <v>2448530</v>
      </c>
      <c r="B2557" s="8" t="s">
        <v>2449</v>
      </c>
    </row>
    <row r="2558" spans="1:2">
      <c r="A2558" s="8">
        <v>2448522</v>
      </c>
      <c r="B2558" s="8" t="s">
        <v>2450</v>
      </c>
    </row>
    <row r="2559" spans="1:2">
      <c r="A2559" s="8">
        <v>2448510</v>
      </c>
      <c r="B2559" s="8" t="s">
        <v>2451</v>
      </c>
    </row>
    <row r="2560" spans="1:2">
      <c r="A2560" s="8">
        <v>2448585</v>
      </c>
      <c r="B2560" s="8" t="s">
        <v>2452</v>
      </c>
    </row>
    <row r="2561" spans="1:2">
      <c r="A2561" s="8">
        <v>2448503</v>
      </c>
      <c r="B2561" s="8" t="s">
        <v>2453</v>
      </c>
    </row>
    <row r="2562" spans="1:2">
      <c r="A2562" s="8">
        <v>2448569</v>
      </c>
      <c r="B2562" s="8" t="s">
        <v>2454</v>
      </c>
    </row>
    <row r="2563" spans="1:2">
      <c r="A2563" s="8">
        <v>2448571</v>
      </c>
      <c r="B2563" s="8" t="s">
        <v>2455</v>
      </c>
    </row>
    <row r="2564" spans="1:2">
      <c r="A2564" s="8">
        <v>2448566</v>
      </c>
      <c r="B2564" s="8" t="s">
        <v>2456</v>
      </c>
    </row>
    <row r="2565" spans="1:2">
      <c r="A2565" s="8">
        <v>2448558</v>
      </c>
      <c r="B2565" s="8" t="s">
        <v>2457</v>
      </c>
    </row>
    <row r="2566" spans="1:2">
      <c r="A2566" s="8">
        <v>2448528</v>
      </c>
      <c r="B2566" s="8" t="s">
        <v>2458</v>
      </c>
    </row>
    <row r="2567" spans="1:2">
      <c r="A2567" s="8">
        <v>2448601</v>
      </c>
      <c r="B2567" s="8" t="s">
        <v>2459</v>
      </c>
    </row>
    <row r="2568" spans="1:2">
      <c r="A2568" s="8">
        <v>2448602</v>
      </c>
      <c r="B2568" s="8" t="s">
        <v>2448</v>
      </c>
    </row>
    <row r="2569" spans="1:2">
      <c r="A2569" s="8">
        <v>2448550</v>
      </c>
      <c r="B2569" s="8" t="s">
        <v>2460</v>
      </c>
    </row>
    <row r="2570" spans="1:2">
      <c r="A2570" s="8">
        <v>2448502</v>
      </c>
      <c r="B2570" s="8" t="s">
        <v>2461</v>
      </c>
    </row>
    <row r="2571" spans="1:2">
      <c r="A2571" s="8">
        <v>2448539</v>
      </c>
      <c r="B2571" s="8" t="s">
        <v>2462</v>
      </c>
    </row>
    <row r="2572" spans="1:2">
      <c r="A2572" s="8">
        <v>2448511</v>
      </c>
      <c r="B2572" s="8" t="s">
        <v>2463</v>
      </c>
    </row>
    <row r="2573" spans="1:2">
      <c r="A2573" s="8">
        <v>2458560</v>
      </c>
      <c r="B2573" s="8" t="s">
        <v>2464</v>
      </c>
    </row>
    <row r="2574" spans="1:2">
      <c r="A2574" s="8">
        <v>2458558</v>
      </c>
      <c r="B2574" s="8" t="s">
        <v>2465</v>
      </c>
    </row>
    <row r="2575" spans="1:2">
      <c r="A2575" s="8">
        <v>2458510</v>
      </c>
      <c r="B2575" s="8" t="s">
        <v>2466</v>
      </c>
    </row>
    <row r="2576" spans="1:2">
      <c r="A2576" s="8">
        <v>2458542</v>
      </c>
      <c r="B2576" s="8" t="s">
        <v>2467</v>
      </c>
    </row>
    <row r="2577" spans="1:2">
      <c r="A2577" s="8">
        <v>2458575</v>
      </c>
      <c r="B2577" s="8" t="s">
        <v>2468</v>
      </c>
    </row>
    <row r="2578" spans="1:2">
      <c r="A2578" s="8">
        <v>2458550</v>
      </c>
      <c r="B2578" s="8" t="s">
        <v>2469</v>
      </c>
    </row>
    <row r="2579" spans="1:2">
      <c r="A2579" s="8">
        <v>2458577</v>
      </c>
      <c r="B2579" s="8" t="s">
        <v>2470</v>
      </c>
    </row>
    <row r="2580" spans="1:2">
      <c r="A2580" s="8">
        <v>2458589</v>
      </c>
      <c r="B2580" s="8" t="s">
        <v>2471</v>
      </c>
    </row>
    <row r="2581" spans="1:2">
      <c r="A2581" s="8">
        <v>2338550</v>
      </c>
      <c r="B2581" s="8" t="s">
        <v>2472</v>
      </c>
    </row>
    <row r="2582" spans="1:2">
      <c r="A2582" s="8">
        <v>2338555</v>
      </c>
      <c r="B2582" s="8" t="s">
        <v>2473</v>
      </c>
    </row>
    <row r="2583" spans="1:2">
      <c r="A2583" s="8">
        <v>2338556</v>
      </c>
      <c r="B2583" s="8" t="s">
        <v>2473</v>
      </c>
    </row>
    <row r="2584" spans="1:2">
      <c r="A2584" s="8">
        <v>2338503</v>
      </c>
      <c r="B2584" s="8" t="s">
        <v>2474</v>
      </c>
    </row>
    <row r="2585" spans="1:2">
      <c r="A2585" s="8">
        <v>2338501</v>
      </c>
      <c r="B2585" s="8" t="s">
        <v>2475</v>
      </c>
    </row>
    <row r="2586" spans="1:2">
      <c r="A2586" s="8">
        <v>2338502</v>
      </c>
      <c r="B2586" s="8" t="s">
        <v>2476</v>
      </c>
    </row>
    <row r="2587" spans="1:2">
      <c r="A2587" s="8">
        <v>2418512</v>
      </c>
      <c r="B2587" s="8" t="s">
        <v>2477</v>
      </c>
    </row>
    <row r="2588" spans="1:2">
      <c r="A2588" s="8">
        <v>2418606</v>
      </c>
      <c r="B2588" s="8" t="s">
        <v>2478</v>
      </c>
    </row>
    <row r="2589" spans="1:2">
      <c r="A2589" s="8">
        <v>2418525</v>
      </c>
      <c r="B2589" s="8" t="s">
        <v>2479</v>
      </c>
    </row>
    <row r="2590" spans="1:2">
      <c r="A2590" s="8">
        <v>2418515</v>
      </c>
      <c r="B2590" s="8" t="s">
        <v>2480</v>
      </c>
    </row>
    <row r="2591" spans="1:2">
      <c r="A2591" s="8">
        <v>2418502</v>
      </c>
      <c r="B2591" s="8" t="s">
        <v>2481</v>
      </c>
    </row>
    <row r="2592" spans="1:2">
      <c r="A2592" s="8">
        <v>2418501</v>
      </c>
      <c r="B2592" s="8" t="s">
        <v>2482</v>
      </c>
    </row>
    <row r="2593" spans="1:2">
      <c r="A2593" s="8">
        <v>2268507</v>
      </c>
      <c r="B2593" s="8" t="s">
        <v>2483</v>
      </c>
    </row>
    <row r="2594" spans="1:2">
      <c r="A2594" s="8">
        <v>2268525</v>
      </c>
      <c r="B2594" s="8" t="s">
        <v>2484</v>
      </c>
    </row>
    <row r="2595" spans="1:2">
      <c r="A2595" s="8">
        <v>2268512</v>
      </c>
      <c r="B2595" s="8" t="s">
        <v>2485</v>
      </c>
    </row>
    <row r="2596" spans="1:2">
      <c r="A2596" s="8">
        <v>2268503</v>
      </c>
      <c r="B2596" s="8" t="s">
        <v>2486</v>
      </c>
    </row>
    <row r="2597" spans="1:2">
      <c r="A2597" s="8">
        <v>2268502</v>
      </c>
      <c r="B2597" s="8" t="s">
        <v>2486</v>
      </c>
    </row>
    <row r="2598" spans="1:2">
      <c r="A2598" s="8">
        <v>2268501</v>
      </c>
      <c r="B2598" s="8" t="s">
        <v>2486</v>
      </c>
    </row>
    <row r="2599" spans="1:2">
      <c r="A2599" s="8">
        <v>2268555</v>
      </c>
      <c r="B2599" s="8" t="s">
        <v>2487</v>
      </c>
    </row>
    <row r="2600" spans="1:2">
      <c r="A2600" s="8">
        <v>2268510</v>
      </c>
      <c r="B2600" s="8" t="s">
        <v>2488</v>
      </c>
    </row>
    <row r="2601" spans="1:2">
      <c r="A2601" s="8">
        <v>2268570</v>
      </c>
      <c r="B2601" s="8" t="s">
        <v>2489</v>
      </c>
    </row>
    <row r="2602" spans="1:2">
      <c r="A2602" s="8">
        <v>2468520</v>
      </c>
      <c r="B2602" s="8" t="s">
        <v>2490</v>
      </c>
    </row>
    <row r="2603" spans="1:2">
      <c r="A2603" s="8">
        <v>2468556</v>
      </c>
      <c r="B2603" s="8" t="s">
        <v>2491</v>
      </c>
    </row>
    <row r="2604" spans="1:2">
      <c r="A2604" s="8">
        <v>2468550</v>
      </c>
      <c r="B2604" s="8" t="s">
        <v>2492</v>
      </c>
    </row>
    <row r="2605" spans="1:2">
      <c r="A2605" s="8">
        <v>2448589</v>
      </c>
      <c r="B2605" s="8" t="s">
        <v>2493</v>
      </c>
    </row>
    <row r="2606" spans="1:2">
      <c r="A2606" s="8">
        <v>2478588</v>
      </c>
      <c r="B2606" s="8" t="s">
        <v>2494</v>
      </c>
    </row>
    <row r="2607" spans="1:2">
      <c r="A2607" s="8">
        <v>2448501</v>
      </c>
      <c r="B2607" s="8" t="s">
        <v>2495</v>
      </c>
    </row>
    <row r="2608" spans="1:2">
      <c r="A2608" s="8">
        <v>2448533</v>
      </c>
      <c r="B2608" s="8" t="s">
        <v>2496</v>
      </c>
    </row>
    <row r="2609" spans="1:2">
      <c r="A2609" s="8">
        <v>2478577</v>
      </c>
      <c r="B2609" s="8" t="s">
        <v>2497</v>
      </c>
    </row>
    <row r="2610" spans="1:2">
      <c r="A2610" s="8">
        <v>2448588</v>
      </c>
      <c r="B2610" s="8" t="s">
        <v>2493</v>
      </c>
    </row>
    <row r="2611" spans="1:2">
      <c r="A2611" s="8">
        <v>2478730</v>
      </c>
      <c r="B2611" s="8" t="s">
        <v>2498</v>
      </c>
    </row>
    <row r="2612" spans="1:2">
      <c r="A2612" s="8">
        <v>2478630</v>
      </c>
      <c r="B2612" s="8" t="s">
        <v>2497</v>
      </c>
    </row>
    <row r="2613" spans="1:2">
      <c r="A2613" s="8">
        <v>2478570</v>
      </c>
      <c r="B2613" s="8" t="s">
        <v>2499</v>
      </c>
    </row>
    <row r="2614" spans="1:2">
      <c r="A2614" s="8">
        <v>2478578</v>
      </c>
      <c r="B2614" s="8" t="s">
        <v>2500</v>
      </c>
    </row>
    <row r="2615" spans="1:2">
      <c r="A2615" s="8">
        <v>2478585</v>
      </c>
      <c r="B2615" s="8" t="s">
        <v>2501</v>
      </c>
    </row>
    <row r="2616" spans="1:2">
      <c r="A2616" s="8">
        <v>2478610</v>
      </c>
      <c r="B2616" s="8" t="s">
        <v>2502</v>
      </c>
    </row>
    <row r="2617" spans="1:2">
      <c r="A2617" s="8">
        <v>2478560</v>
      </c>
      <c r="B2617" s="8" t="s">
        <v>2502</v>
      </c>
    </row>
    <row r="2618" spans="1:2">
      <c r="A2618" s="8">
        <v>2448577</v>
      </c>
      <c r="B2618" s="8" t="s">
        <v>2497</v>
      </c>
    </row>
    <row r="2619" spans="1:2">
      <c r="A2619" s="8">
        <v>2458650</v>
      </c>
      <c r="B2619" s="8" t="s">
        <v>2503</v>
      </c>
    </row>
    <row r="2620" spans="1:2">
      <c r="A2620" s="8">
        <v>2458651</v>
      </c>
      <c r="B2620" s="8" t="s">
        <v>2503</v>
      </c>
    </row>
    <row r="2621" spans="1:2">
      <c r="A2621" s="8">
        <v>2458555</v>
      </c>
      <c r="B2621" s="8" t="s">
        <v>2504</v>
      </c>
    </row>
    <row r="2622" spans="1:2">
      <c r="A2622" s="8">
        <v>2258508</v>
      </c>
      <c r="B2622" s="8" t="s">
        <v>2505</v>
      </c>
    </row>
    <row r="2623" spans="1:2">
      <c r="A2623" s="8">
        <v>2258560</v>
      </c>
      <c r="B2623" s="8" t="s">
        <v>2506</v>
      </c>
    </row>
    <row r="2624" spans="1:2">
      <c r="A2624" s="8">
        <v>2258501</v>
      </c>
      <c r="B2624" s="8" t="s">
        <v>2507</v>
      </c>
    </row>
    <row r="2625" spans="1:2">
      <c r="A2625" s="8">
        <v>2258539</v>
      </c>
      <c r="B2625" s="8" t="s">
        <v>2508</v>
      </c>
    </row>
    <row r="2626" spans="1:2">
      <c r="A2626" s="8">
        <v>2258502</v>
      </c>
      <c r="B2626" s="8" t="s">
        <v>2509</v>
      </c>
    </row>
    <row r="2627" spans="1:2">
      <c r="A2627" s="8">
        <v>2258585</v>
      </c>
      <c r="B2627" s="8" t="s">
        <v>2510</v>
      </c>
    </row>
    <row r="2628" spans="1:2">
      <c r="A2628" s="8">
        <v>2258530</v>
      </c>
      <c r="B2628" s="8" t="s">
        <v>2511</v>
      </c>
    </row>
    <row r="2629" spans="1:2">
      <c r="A2629" s="8">
        <v>2258535</v>
      </c>
      <c r="B2629" s="8" t="s">
        <v>2512</v>
      </c>
    </row>
    <row r="2630" spans="1:2">
      <c r="A2630" s="8">
        <v>2258503</v>
      </c>
      <c r="B2630" s="8" t="s">
        <v>2513</v>
      </c>
    </row>
    <row r="2631" spans="1:2">
      <c r="A2631" s="8">
        <v>2258525</v>
      </c>
      <c r="B2631" s="8" t="s">
        <v>2514</v>
      </c>
    </row>
    <row r="2632" spans="1:2">
      <c r="A2632" s="8">
        <v>2258513</v>
      </c>
      <c r="B2632" s="8" t="s">
        <v>2515</v>
      </c>
    </row>
    <row r="2633" spans="1:2">
      <c r="A2633" s="8">
        <v>2258550</v>
      </c>
      <c r="B2633" s="8" t="s">
        <v>2516</v>
      </c>
    </row>
    <row r="2634" spans="1:2">
      <c r="A2634" s="8">
        <v>2278501</v>
      </c>
      <c r="B2634" s="8" t="s">
        <v>2517</v>
      </c>
    </row>
    <row r="2635" spans="1:2">
      <c r="A2635" s="8">
        <v>2278518</v>
      </c>
      <c r="B2635" s="8" t="s">
        <v>2518</v>
      </c>
    </row>
    <row r="2636" spans="1:2">
      <c r="A2636" s="8">
        <v>2278522</v>
      </c>
      <c r="B2636" s="8" t="s">
        <v>2519</v>
      </c>
    </row>
    <row r="2637" spans="1:2">
      <c r="A2637" s="8">
        <v>2278540</v>
      </c>
      <c r="B2637" s="8" t="s">
        <v>2520</v>
      </c>
    </row>
    <row r="2638" spans="1:2">
      <c r="A2638" s="8">
        <v>2278512</v>
      </c>
      <c r="B2638" s="8" t="s">
        <v>2521</v>
      </c>
    </row>
    <row r="2639" spans="1:2">
      <c r="A2639" s="8">
        <v>2278505</v>
      </c>
      <c r="B2639" s="8" t="s">
        <v>2522</v>
      </c>
    </row>
    <row r="2640" spans="1:2">
      <c r="A2640" s="8">
        <v>2278508</v>
      </c>
      <c r="B2640" s="8" t="s">
        <v>2523</v>
      </c>
    </row>
    <row r="2641" spans="1:2">
      <c r="A2641" s="8">
        <v>2278502</v>
      </c>
      <c r="B2641" s="8" t="s">
        <v>2524</v>
      </c>
    </row>
    <row r="2642" spans="1:2">
      <c r="A2642" s="8">
        <v>2248688</v>
      </c>
      <c r="B2642" s="8" t="s">
        <v>2525</v>
      </c>
    </row>
    <row r="2643" spans="1:2">
      <c r="A2643" s="8">
        <v>2248578</v>
      </c>
      <c r="B2643" s="8" t="s">
        <v>2525</v>
      </c>
    </row>
    <row r="2644" spans="1:2">
      <c r="A2644" s="8">
        <v>2248507</v>
      </c>
      <c r="B2644" s="8" t="s">
        <v>2526</v>
      </c>
    </row>
    <row r="2645" spans="1:2">
      <c r="A2645" s="8">
        <v>2248588</v>
      </c>
      <c r="B2645" s="8" t="s">
        <v>2527</v>
      </c>
    </row>
    <row r="2646" spans="1:2">
      <c r="A2646" s="8">
        <v>2248524</v>
      </c>
      <c r="B2646" s="8" t="s">
        <v>2528</v>
      </c>
    </row>
    <row r="2647" spans="1:2">
      <c r="A2647" s="8">
        <v>2248686</v>
      </c>
      <c r="B2647" s="8" t="s">
        <v>2529</v>
      </c>
    </row>
    <row r="2648" spans="1:2">
      <c r="A2648" s="8">
        <v>2248585</v>
      </c>
      <c r="B2648" s="8" t="s">
        <v>2530</v>
      </c>
    </row>
    <row r="2649" spans="1:2">
      <c r="A2649" s="8">
        <v>2248580</v>
      </c>
      <c r="B2649" s="8" t="s">
        <v>2531</v>
      </c>
    </row>
    <row r="2650" spans="1:2">
      <c r="A2650" s="8">
        <v>2248522</v>
      </c>
      <c r="B2650" s="8" t="s">
        <v>2532</v>
      </c>
    </row>
    <row r="2651" spans="1:2">
      <c r="A2651" s="8">
        <v>2248524</v>
      </c>
      <c r="B2651" s="8" t="s">
        <v>2528</v>
      </c>
    </row>
    <row r="2652" spans="1:2">
      <c r="A2652" s="8">
        <v>2248502</v>
      </c>
      <c r="B2652" s="8" t="s">
        <v>2533</v>
      </c>
    </row>
    <row r="2653" spans="1:2">
      <c r="A2653" s="8">
        <v>2248504</v>
      </c>
      <c r="B2653" s="8" t="s">
        <v>2534</v>
      </c>
    </row>
    <row r="2654" spans="1:2">
      <c r="A2654" s="8">
        <v>2248503</v>
      </c>
      <c r="B2654" s="8" t="s">
        <v>2535</v>
      </c>
    </row>
    <row r="2655" spans="1:2">
      <c r="A2655" s="8">
        <v>2248515</v>
      </c>
      <c r="B2655" s="8" t="s">
        <v>2536</v>
      </c>
    </row>
    <row r="2656" spans="1:2">
      <c r="A2656" s="8">
        <v>2248551</v>
      </c>
      <c r="B2656" s="8" t="s">
        <v>2537</v>
      </c>
    </row>
    <row r="2657" spans="1:2">
      <c r="A2657" s="8">
        <v>2248510</v>
      </c>
      <c r="B2657" s="8" t="s">
        <v>2538</v>
      </c>
    </row>
    <row r="2658" spans="1:2">
      <c r="A2658" s="8">
        <v>2248550</v>
      </c>
      <c r="B2658" s="8" t="s">
        <v>2539</v>
      </c>
    </row>
    <row r="2659" spans="1:2">
      <c r="A2659" s="8">
        <v>2248520</v>
      </c>
      <c r="B2659" s="8" t="s">
        <v>2540</v>
      </c>
    </row>
    <row r="2660" spans="1:2">
      <c r="A2660" s="8">
        <v>2248539</v>
      </c>
      <c r="B2660" s="8" t="s">
        <v>2541</v>
      </c>
    </row>
    <row r="2661" spans="1:2">
      <c r="A2661" s="8">
        <v>2248540</v>
      </c>
      <c r="B2661" s="8" t="s">
        <v>2542</v>
      </c>
    </row>
    <row r="2662" spans="1:2">
      <c r="A2662" s="8">
        <v>2248505</v>
      </c>
      <c r="B2662" s="8" t="s">
        <v>2543</v>
      </c>
    </row>
    <row r="2663" spans="1:2">
      <c r="A2663" s="8">
        <v>2248501</v>
      </c>
      <c r="B2663" s="8" t="s">
        <v>2544</v>
      </c>
    </row>
    <row r="2664" spans="1:2">
      <c r="A2664" s="8">
        <v>2248601</v>
      </c>
      <c r="B2664" s="8" t="s">
        <v>2545</v>
      </c>
    </row>
    <row r="2665" spans="1:2">
      <c r="A2665" s="8">
        <v>2108680</v>
      </c>
      <c r="B2665" s="8" t="s">
        <v>2546</v>
      </c>
    </row>
    <row r="2666" spans="1:2">
      <c r="A2666" s="8">
        <v>2108681</v>
      </c>
      <c r="B2666" s="8" t="s">
        <v>2546</v>
      </c>
    </row>
    <row r="2667" spans="1:2">
      <c r="A2667" s="8">
        <v>2109582</v>
      </c>
      <c r="B2667" s="8" t="s">
        <v>2547</v>
      </c>
    </row>
    <row r="2668" spans="1:2">
      <c r="A2668" s="8">
        <v>2109511</v>
      </c>
      <c r="B2668" s="8" t="s">
        <v>2548</v>
      </c>
    </row>
    <row r="2669" spans="1:2">
      <c r="A2669" s="8">
        <v>2109533</v>
      </c>
      <c r="B2669" s="8" t="s">
        <v>2549</v>
      </c>
    </row>
    <row r="2670" spans="1:2">
      <c r="A2670" s="8">
        <v>2108602</v>
      </c>
      <c r="B2670" s="8" t="s">
        <v>2550</v>
      </c>
    </row>
    <row r="2671" spans="1:2">
      <c r="A2671" s="8">
        <v>2108562</v>
      </c>
      <c r="B2671" s="8" t="s">
        <v>2551</v>
      </c>
    </row>
    <row r="2672" spans="1:2">
      <c r="A2672" s="8">
        <v>2108585</v>
      </c>
      <c r="B2672" s="8" t="s">
        <v>2552</v>
      </c>
    </row>
    <row r="2673" spans="1:2">
      <c r="A2673" s="8">
        <v>2108504</v>
      </c>
      <c r="B2673" s="8" t="s">
        <v>2553</v>
      </c>
    </row>
    <row r="2674" spans="1:2">
      <c r="A2674" s="8">
        <v>2108794</v>
      </c>
      <c r="B2674" s="8" t="s">
        <v>2554</v>
      </c>
    </row>
    <row r="2675" spans="1:2">
      <c r="A2675" s="8">
        <v>2108586</v>
      </c>
      <c r="B2675" s="8" t="s">
        <v>2555</v>
      </c>
    </row>
    <row r="2676" spans="1:2">
      <c r="A2676" s="8">
        <v>2108569</v>
      </c>
      <c r="B2676" s="8" t="s">
        <v>2556</v>
      </c>
    </row>
    <row r="2677" spans="1:2">
      <c r="A2677" s="8">
        <v>2108795</v>
      </c>
      <c r="B2677" s="8" t="s">
        <v>2554</v>
      </c>
    </row>
    <row r="2678" spans="1:2">
      <c r="A2678" s="8">
        <v>2108544</v>
      </c>
      <c r="B2678" s="8" t="s">
        <v>2557</v>
      </c>
    </row>
    <row r="2679" spans="1:2">
      <c r="A2679" s="8">
        <v>2108576</v>
      </c>
      <c r="B2679" s="8" t="s">
        <v>2558</v>
      </c>
    </row>
    <row r="2680" spans="1:2">
      <c r="A2680" s="8">
        <v>2108511</v>
      </c>
      <c r="B2680" s="8" t="s">
        <v>2559</v>
      </c>
    </row>
    <row r="2681" spans="1:2">
      <c r="A2681" s="8">
        <v>2108565</v>
      </c>
      <c r="B2681" s="8" t="s">
        <v>2560</v>
      </c>
    </row>
    <row r="2682" spans="1:2">
      <c r="A2682" s="8">
        <v>2108521</v>
      </c>
      <c r="B2682" s="8" t="s">
        <v>2561</v>
      </c>
    </row>
    <row r="2683" spans="1:2">
      <c r="A2683" s="8">
        <v>2108666</v>
      </c>
      <c r="B2683" s="8" t="s">
        <v>2562</v>
      </c>
    </row>
    <row r="2684" spans="1:2">
      <c r="A2684" s="8">
        <v>2108531</v>
      </c>
      <c r="B2684" s="8" t="s">
        <v>2563</v>
      </c>
    </row>
    <row r="2685" spans="1:2">
      <c r="A2685" s="8">
        <v>2108686</v>
      </c>
      <c r="B2685" s="8" t="s">
        <v>2564</v>
      </c>
    </row>
    <row r="2686" spans="1:2">
      <c r="A2686" s="8">
        <v>2108545</v>
      </c>
      <c r="B2686" s="8" t="s">
        <v>2565</v>
      </c>
    </row>
    <row r="2687" spans="1:2">
      <c r="A2687" s="8">
        <v>2108552</v>
      </c>
      <c r="B2687" s="8" t="s">
        <v>2566</v>
      </c>
    </row>
    <row r="2688" spans="1:2">
      <c r="A2688" s="8">
        <v>2108502</v>
      </c>
      <c r="B2688" s="8" t="s">
        <v>2567</v>
      </c>
    </row>
    <row r="2689" spans="1:2">
      <c r="A2689" s="8">
        <v>2108557</v>
      </c>
      <c r="B2689" s="8" t="s">
        <v>2568</v>
      </c>
    </row>
    <row r="2690" spans="1:2">
      <c r="A2690" s="8">
        <v>2108551</v>
      </c>
      <c r="B2690" s="8" t="s">
        <v>2569</v>
      </c>
    </row>
    <row r="2691" spans="1:2">
      <c r="A2691" s="8">
        <v>2108541</v>
      </c>
      <c r="B2691" s="8" t="s">
        <v>2570</v>
      </c>
    </row>
    <row r="2692" spans="1:2">
      <c r="A2692" s="8">
        <v>2108540</v>
      </c>
      <c r="B2692" s="8" t="s">
        <v>2569</v>
      </c>
    </row>
    <row r="2693" spans="1:2">
      <c r="A2693" s="8">
        <v>2108538</v>
      </c>
      <c r="B2693" s="8" t="s">
        <v>2571</v>
      </c>
    </row>
    <row r="2694" spans="1:2">
      <c r="A2694" s="8">
        <v>2108523</v>
      </c>
      <c r="B2694" s="8" t="s">
        <v>2572</v>
      </c>
    </row>
    <row r="2695" spans="1:2">
      <c r="A2695" s="8">
        <v>2109526</v>
      </c>
      <c r="B2695" s="8" t="s">
        <v>2573</v>
      </c>
    </row>
    <row r="2696" spans="1:2">
      <c r="A2696" s="8">
        <v>2108506</v>
      </c>
      <c r="B2696" s="8" t="s">
        <v>2574</v>
      </c>
    </row>
    <row r="2697" spans="1:2">
      <c r="A2697" s="8">
        <v>2109507</v>
      </c>
      <c r="B2697" s="8" t="s">
        <v>2575</v>
      </c>
    </row>
    <row r="2698" spans="1:2">
      <c r="A2698" s="8">
        <v>2109567</v>
      </c>
      <c r="B2698" s="8" t="s">
        <v>2576</v>
      </c>
    </row>
    <row r="2699" spans="1:2">
      <c r="A2699" s="8">
        <v>2108558</v>
      </c>
      <c r="B2699" s="8" t="s">
        <v>2577</v>
      </c>
    </row>
    <row r="2700" spans="1:2">
      <c r="A2700" s="8">
        <v>2108798</v>
      </c>
      <c r="B2700" s="8" t="s">
        <v>2554</v>
      </c>
    </row>
    <row r="2701" spans="1:2">
      <c r="A2701" s="8">
        <v>2108796</v>
      </c>
      <c r="B2701" s="8" t="s">
        <v>2554</v>
      </c>
    </row>
    <row r="2702" spans="1:2">
      <c r="A2702" s="8">
        <v>2108797</v>
      </c>
      <c r="B2702" s="8" t="s">
        <v>2554</v>
      </c>
    </row>
    <row r="2703" spans="1:2">
      <c r="A2703" s="8">
        <v>2108548</v>
      </c>
      <c r="B2703" s="8" t="s">
        <v>2578</v>
      </c>
    </row>
    <row r="2704" spans="1:2">
      <c r="A2704" s="8">
        <v>2108547</v>
      </c>
      <c r="B2704" s="8" t="s">
        <v>2579</v>
      </c>
    </row>
    <row r="2705" spans="1:2">
      <c r="A2705" s="8">
        <v>2108793</v>
      </c>
      <c r="B2705" s="8" t="s">
        <v>2554</v>
      </c>
    </row>
    <row r="2706" spans="1:2">
      <c r="A2706" s="8">
        <v>2108604</v>
      </c>
      <c r="B2706" s="8" t="s">
        <v>2580</v>
      </c>
    </row>
    <row r="2707" spans="1:2">
      <c r="A2707" s="8">
        <v>2109650</v>
      </c>
      <c r="B2707" s="8" t="s">
        <v>2581</v>
      </c>
    </row>
    <row r="2708" spans="1:2">
      <c r="A2708" s="8">
        <v>2108512</v>
      </c>
      <c r="B2708" s="8" t="s">
        <v>2582</v>
      </c>
    </row>
    <row r="2709" spans="1:2">
      <c r="A2709" s="8">
        <v>2108560</v>
      </c>
      <c r="B2709" s="8" t="s">
        <v>2583</v>
      </c>
    </row>
    <row r="2710" spans="1:2">
      <c r="A2710" s="8">
        <v>2109555</v>
      </c>
      <c r="B2710" s="8" t="s">
        <v>2584</v>
      </c>
    </row>
    <row r="2711" spans="1:2">
      <c r="A2711" s="8">
        <v>2108537</v>
      </c>
      <c r="B2711" s="8" t="s">
        <v>2585</v>
      </c>
    </row>
    <row r="2712" spans="1:2">
      <c r="A2712" s="8">
        <v>2108559</v>
      </c>
      <c r="B2712" s="8" t="s">
        <v>2585</v>
      </c>
    </row>
    <row r="2713" spans="1:2">
      <c r="A2713" s="8">
        <v>2109501</v>
      </c>
      <c r="B2713" s="8" t="s">
        <v>2586</v>
      </c>
    </row>
    <row r="2714" spans="1:2">
      <c r="A2714" s="8">
        <v>2108543</v>
      </c>
      <c r="B2714" s="8" t="s">
        <v>2587</v>
      </c>
    </row>
    <row r="2715" spans="1:2">
      <c r="A2715" s="8">
        <v>2109530</v>
      </c>
      <c r="B2715" s="8" t="s">
        <v>2588</v>
      </c>
    </row>
    <row r="2716" spans="1:2">
      <c r="A2716" s="8">
        <v>2108570</v>
      </c>
      <c r="B2716" s="8" t="s">
        <v>2551</v>
      </c>
    </row>
    <row r="2717" spans="1:2">
      <c r="A2717" s="8">
        <v>2108577</v>
      </c>
      <c r="B2717" s="8" t="s">
        <v>2589</v>
      </c>
    </row>
    <row r="2718" spans="1:2">
      <c r="A2718" s="8">
        <v>2128564</v>
      </c>
      <c r="B2718" s="8" t="s">
        <v>2590</v>
      </c>
    </row>
    <row r="2719" spans="1:2">
      <c r="A2719" s="8">
        <v>2128572</v>
      </c>
      <c r="B2719" s="8" t="s">
        <v>2591</v>
      </c>
    </row>
    <row r="2720" spans="1:2">
      <c r="A2720" s="8">
        <v>2128582</v>
      </c>
      <c r="B2720" s="8" t="s">
        <v>2592</v>
      </c>
    </row>
    <row r="2721" spans="1:2">
      <c r="A2721" s="8">
        <v>2128581</v>
      </c>
      <c r="B2721" s="8" t="s">
        <v>2592</v>
      </c>
    </row>
    <row r="2722" spans="1:2">
      <c r="A2722" s="8">
        <v>2108583</v>
      </c>
      <c r="B2722" s="8" t="s">
        <v>2593</v>
      </c>
    </row>
    <row r="2723" spans="1:2">
      <c r="A2723" s="8">
        <v>2128520</v>
      </c>
      <c r="B2723" s="8" t="s">
        <v>2594</v>
      </c>
    </row>
    <row r="2724" spans="1:2">
      <c r="A2724" s="8">
        <v>2128525</v>
      </c>
      <c r="B2724" s="8" t="s">
        <v>2595</v>
      </c>
    </row>
    <row r="2725" spans="1:2">
      <c r="A2725" s="8">
        <v>2128570</v>
      </c>
      <c r="B2725" s="8" t="s">
        <v>2596</v>
      </c>
    </row>
    <row r="2726" spans="1:2">
      <c r="A2726" s="8">
        <v>2128530</v>
      </c>
      <c r="B2726" s="8" t="s">
        <v>2597</v>
      </c>
    </row>
    <row r="2727" spans="1:2">
      <c r="A2727" s="8">
        <v>2128509</v>
      </c>
      <c r="B2727" s="8" t="s">
        <v>2598</v>
      </c>
    </row>
    <row r="2728" spans="1:2">
      <c r="A2728" s="8">
        <v>2128508</v>
      </c>
      <c r="B2728" s="8" t="s">
        <v>2599</v>
      </c>
    </row>
    <row r="2729" spans="1:2">
      <c r="A2729" s="8">
        <v>2128551</v>
      </c>
      <c r="B2729" s="8" t="s">
        <v>2600</v>
      </c>
    </row>
    <row r="2730" spans="1:2">
      <c r="A2730" s="8">
        <v>2128566</v>
      </c>
      <c r="B2730" s="8" t="s">
        <v>2601</v>
      </c>
    </row>
    <row r="2731" spans="1:2">
      <c r="A2731" s="8">
        <v>2128554</v>
      </c>
      <c r="B2731" s="8" t="s">
        <v>2602</v>
      </c>
    </row>
    <row r="2732" spans="1:2">
      <c r="A2732" s="8">
        <v>2128525</v>
      </c>
      <c r="B2732" s="8" t="s">
        <v>2595</v>
      </c>
    </row>
    <row r="2733" spans="1:2">
      <c r="A2733" s="8">
        <v>2128525</v>
      </c>
      <c r="B2733" s="8" t="s">
        <v>2595</v>
      </c>
    </row>
    <row r="2734" spans="1:2">
      <c r="A2734" s="8">
        <v>2128567</v>
      </c>
      <c r="B2734" s="8" t="s">
        <v>2603</v>
      </c>
    </row>
    <row r="2735" spans="1:2">
      <c r="A2735" s="8">
        <v>2128585</v>
      </c>
      <c r="B2735" s="8" t="s">
        <v>2604</v>
      </c>
    </row>
    <row r="2736" spans="1:2">
      <c r="A2736" s="8">
        <v>2128584</v>
      </c>
      <c r="B2736" s="8" t="s">
        <v>2605</v>
      </c>
    </row>
    <row r="2737" spans="1:2">
      <c r="A2737" s="8">
        <v>2128511</v>
      </c>
      <c r="B2737" s="8" t="s">
        <v>2606</v>
      </c>
    </row>
    <row r="2738" spans="1:2">
      <c r="A2738" s="8">
        <v>2128602</v>
      </c>
      <c r="B2738" s="8" t="s">
        <v>2607</v>
      </c>
    </row>
    <row r="2739" spans="1:2">
      <c r="A2739" s="8">
        <v>2128560</v>
      </c>
      <c r="B2739" s="8" t="s">
        <v>2608</v>
      </c>
    </row>
    <row r="2740" spans="1:2">
      <c r="A2740" s="8">
        <v>2128505</v>
      </c>
      <c r="B2740" s="8" t="s">
        <v>2609</v>
      </c>
    </row>
    <row r="2741" spans="1:2">
      <c r="A2741" s="8">
        <v>2128502</v>
      </c>
      <c r="B2741" s="8" t="s">
        <v>2610</v>
      </c>
    </row>
    <row r="2742" spans="1:2">
      <c r="A2742" s="8">
        <v>2128604</v>
      </c>
      <c r="B2742" s="8" t="s">
        <v>2611</v>
      </c>
    </row>
    <row r="2743" spans="1:2">
      <c r="A2743" s="8">
        <v>2128603</v>
      </c>
      <c r="B2743" s="8" t="s">
        <v>2592</v>
      </c>
    </row>
    <row r="2744" spans="1:2">
      <c r="A2744" s="8">
        <v>2128577</v>
      </c>
      <c r="B2744" s="8" t="s">
        <v>2592</v>
      </c>
    </row>
    <row r="2745" spans="1:2">
      <c r="A2745" s="8">
        <v>2128583</v>
      </c>
      <c r="B2745" s="8" t="s">
        <v>2592</v>
      </c>
    </row>
    <row r="2746" spans="1:2">
      <c r="A2746" s="8">
        <v>2128510</v>
      </c>
      <c r="B2746" s="8" t="s">
        <v>2612</v>
      </c>
    </row>
    <row r="2747" spans="1:2">
      <c r="A2747" s="8">
        <v>2128557</v>
      </c>
      <c r="B2747" s="8" t="s">
        <v>2602</v>
      </c>
    </row>
    <row r="2748" spans="1:2">
      <c r="A2748" s="8">
        <v>2128576</v>
      </c>
      <c r="B2748" s="8" t="s">
        <v>2605</v>
      </c>
    </row>
    <row r="2749" spans="1:2">
      <c r="A2749" s="8">
        <v>2128525</v>
      </c>
      <c r="B2749" s="8" t="s">
        <v>2595</v>
      </c>
    </row>
    <row r="2750" spans="1:2">
      <c r="A2750" s="8">
        <v>2118601</v>
      </c>
      <c r="B2750" s="8" t="s">
        <v>2613</v>
      </c>
    </row>
    <row r="2751" spans="1:2">
      <c r="A2751" s="8">
        <v>2118585</v>
      </c>
      <c r="B2751" s="8" t="s">
        <v>2614</v>
      </c>
    </row>
    <row r="2752" spans="1:2">
      <c r="A2752" s="8">
        <v>2118555</v>
      </c>
      <c r="B2752" s="8" t="s">
        <v>2615</v>
      </c>
    </row>
    <row r="2753" spans="1:2">
      <c r="A2753" s="8">
        <v>2118550</v>
      </c>
      <c r="B2753" s="8" t="s">
        <v>2616</v>
      </c>
    </row>
    <row r="2754" spans="1:2">
      <c r="A2754" s="8">
        <v>2118505</v>
      </c>
      <c r="B2754" s="8" t="s">
        <v>2617</v>
      </c>
    </row>
    <row r="2755" spans="1:2">
      <c r="A2755" s="8">
        <v>2118566</v>
      </c>
      <c r="B2755" s="8" t="s">
        <v>2618</v>
      </c>
    </row>
    <row r="2756" spans="1:2">
      <c r="A2756" s="8">
        <v>2118510</v>
      </c>
      <c r="B2756" s="8" t="s">
        <v>2619</v>
      </c>
    </row>
    <row r="2757" spans="1:2">
      <c r="A2757" s="8">
        <v>2118501</v>
      </c>
      <c r="B2757" s="8" t="s">
        <v>2620</v>
      </c>
    </row>
    <row r="2758" spans="1:2">
      <c r="A2758" s="8">
        <v>2118675</v>
      </c>
      <c r="B2758" s="8" t="s">
        <v>2621</v>
      </c>
    </row>
    <row r="2759" spans="1:2">
      <c r="A2759" s="8">
        <v>2118511</v>
      </c>
      <c r="B2759" s="8" t="s">
        <v>2622</v>
      </c>
    </row>
    <row r="2760" spans="1:2">
      <c r="A2760" s="8">
        <v>2118530</v>
      </c>
      <c r="B2760" s="8" t="s">
        <v>2623</v>
      </c>
    </row>
    <row r="2761" spans="1:2">
      <c r="A2761" s="8">
        <v>2118502</v>
      </c>
      <c r="B2761" s="8" t="s">
        <v>2624</v>
      </c>
    </row>
    <row r="2762" spans="1:2">
      <c r="A2762" s="8">
        <v>2118666</v>
      </c>
      <c r="B2762" s="8" t="s">
        <v>2613</v>
      </c>
    </row>
    <row r="2763" spans="1:2">
      <c r="A2763" s="8">
        <v>2118533</v>
      </c>
      <c r="B2763" s="8" t="s">
        <v>2625</v>
      </c>
    </row>
    <row r="2764" spans="1:2">
      <c r="A2764" s="8">
        <v>2118611</v>
      </c>
      <c r="B2764" s="8" t="s">
        <v>2626</v>
      </c>
    </row>
    <row r="2765" spans="1:2">
      <c r="A2765" s="8">
        <v>2118520</v>
      </c>
      <c r="B2765" s="8" t="s">
        <v>2627</v>
      </c>
    </row>
    <row r="2766" spans="1:2">
      <c r="A2766" s="8">
        <v>2118540</v>
      </c>
      <c r="B2766" s="8" t="s">
        <v>2628</v>
      </c>
    </row>
    <row r="2767" spans="1:2">
      <c r="A2767" s="8">
        <v>2118577</v>
      </c>
      <c r="B2767" s="8" t="s">
        <v>2629</v>
      </c>
    </row>
    <row r="2768" spans="1:2">
      <c r="A2768" s="8">
        <v>2118522</v>
      </c>
      <c r="B2768" s="8" t="s">
        <v>2630</v>
      </c>
    </row>
    <row r="2769" spans="1:2">
      <c r="A2769" s="8">
        <v>2118619</v>
      </c>
      <c r="B2769" s="8" t="s">
        <v>2631</v>
      </c>
    </row>
    <row r="2770" spans="1:2">
      <c r="A2770" s="8">
        <v>2118570</v>
      </c>
      <c r="B2770" s="8" t="s">
        <v>2632</v>
      </c>
    </row>
    <row r="2771" spans="1:2">
      <c r="A2771" s="8">
        <v>2118588</v>
      </c>
      <c r="B2771" s="8" t="s">
        <v>2633</v>
      </c>
    </row>
    <row r="2772" spans="1:2">
      <c r="A2772" s="8">
        <v>2138522</v>
      </c>
      <c r="B2772" s="8" t="s">
        <v>2634</v>
      </c>
    </row>
    <row r="2773" spans="1:2">
      <c r="A2773" s="8">
        <v>2138516</v>
      </c>
      <c r="B2773" s="8" t="s">
        <v>2635</v>
      </c>
    </row>
    <row r="2774" spans="1:2">
      <c r="A2774" s="8">
        <v>2138517</v>
      </c>
      <c r="B2774" s="8" t="s">
        <v>2636</v>
      </c>
    </row>
    <row r="2775" spans="1:2">
      <c r="A2775" s="8">
        <v>2138511</v>
      </c>
      <c r="B2775" s="8" t="s">
        <v>2637</v>
      </c>
    </row>
    <row r="2776" spans="1:2">
      <c r="A2776" s="8">
        <v>2138553</v>
      </c>
      <c r="B2776" s="8" t="s">
        <v>2638</v>
      </c>
    </row>
    <row r="2777" spans="1:2">
      <c r="A2777" s="8">
        <v>2138520</v>
      </c>
      <c r="B2777" s="8" t="s">
        <v>2639</v>
      </c>
    </row>
    <row r="2778" spans="1:2">
      <c r="A2778" s="8">
        <v>2138515</v>
      </c>
      <c r="B2778" s="8" t="s">
        <v>2640</v>
      </c>
    </row>
    <row r="2779" spans="1:2">
      <c r="A2779" s="8">
        <v>2138566</v>
      </c>
      <c r="B2779" s="8" t="s">
        <v>2641</v>
      </c>
    </row>
    <row r="2780" spans="1:2">
      <c r="A2780" s="8">
        <v>2138588</v>
      </c>
      <c r="B2780" s="8" t="s">
        <v>2642</v>
      </c>
    </row>
    <row r="2781" spans="1:2">
      <c r="A2781" s="8">
        <v>2138558</v>
      </c>
      <c r="B2781" s="8" t="s">
        <v>2643</v>
      </c>
    </row>
    <row r="2782" spans="1:2">
      <c r="A2782" s="8">
        <v>2138521</v>
      </c>
      <c r="B2782" s="8" t="s">
        <v>2644</v>
      </c>
    </row>
    <row r="2783" spans="1:2">
      <c r="A2783" s="8">
        <v>2138502</v>
      </c>
      <c r="B2783" s="8" t="s">
        <v>2645</v>
      </c>
    </row>
    <row r="2784" spans="1:2">
      <c r="A2784" s="8">
        <v>2138525</v>
      </c>
      <c r="B2784" s="8" t="s">
        <v>2646</v>
      </c>
    </row>
    <row r="2785" spans="1:2">
      <c r="A2785" s="8">
        <v>2138533</v>
      </c>
      <c r="B2785" s="8" t="s">
        <v>2647</v>
      </c>
    </row>
    <row r="2786" spans="1:2">
      <c r="A2786" s="8">
        <v>2138573</v>
      </c>
      <c r="B2786" s="8" t="s">
        <v>2648</v>
      </c>
    </row>
    <row r="2787" spans="1:2">
      <c r="A2787" s="8">
        <v>2138503</v>
      </c>
      <c r="B2787" s="8" t="s">
        <v>2649</v>
      </c>
    </row>
    <row r="2788" spans="1:2">
      <c r="A2788" s="8">
        <v>2138576</v>
      </c>
      <c r="B2788" s="8" t="s">
        <v>2650</v>
      </c>
    </row>
    <row r="2789" spans="1:2">
      <c r="A2789" s="8">
        <v>2138550</v>
      </c>
      <c r="B2789" s="8" t="s">
        <v>2651</v>
      </c>
    </row>
    <row r="2790" spans="1:2">
      <c r="A2790" s="8">
        <v>2138577</v>
      </c>
      <c r="B2790" s="8" t="s">
        <v>2652</v>
      </c>
    </row>
    <row r="2791" spans="1:2">
      <c r="A2791" s="8">
        <v>2138580</v>
      </c>
      <c r="B2791" s="8" t="s">
        <v>2653</v>
      </c>
    </row>
    <row r="2792" spans="1:2">
      <c r="A2792" s="8">
        <v>2138512</v>
      </c>
      <c r="B2792" s="8" t="s">
        <v>2654</v>
      </c>
    </row>
    <row r="2793" spans="1:2">
      <c r="A2793" s="8">
        <v>2138505</v>
      </c>
      <c r="B2793" s="8" t="s">
        <v>2655</v>
      </c>
    </row>
    <row r="2794" spans="1:2">
      <c r="A2794" s="8">
        <v>2138589</v>
      </c>
      <c r="B2794" s="8" t="s">
        <v>2656</v>
      </c>
    </row>
    <row r="2795" spans="1:2">
      <c r="A2795" s="8">
        <v>2138551</v>
      </c>
      <c r="B2795" s="8" t="s">
        <v>2657</v>
      </c>
    </row>
    <row r="2796" spans="1:2">
      <c r="A2796" s="8">
        <v>2138535</v>
      </c>
      <c r="B2796" s="8" t="s">
        <v>2658</v>
      </c>
    </row>
    <row r="2797" spans="1:2">
      <c r="A2797" s="8">
        <v>2138570</v>
      </c>
      <c r="B2797" s="8" t="s">
        <v>2659</v>
      </c>
    </row>
    <row r="2798" spans="1:2">
      <c r="A2798" s="8">
        <v>2138507</v>
      </c>
      <c r="B2798" s="8" t="s">
        <v>2660</v>
      </c>
    </row>
    <row r="2799" spans="1:2">
      <c r="A2799" s="8">
        <v>2138587</v>
      </c>
      <c r="B2799" s="8" t="s">
        <v>2661</v>
      </c>
    </row>
    <row r="2800" spans="1:2">
      <c r="A2800" s="8">
        <v>2138586</v>
      </c>
      <c r="B2800" s="8" t="s">
        <v>2662</v>
      </c>
    </row>
    <row r="2801" spans="1:2">
      <c r="A2801" s="8">
        <v>2148525</v>
      </c>
      <c r="B2801" s="8" t="s">
        <v>2663</v>
      </c>
    </row>
    <row r="2802" spans="1:2">
      <c r="A2802" s="8">
        <v>2148565</v>
      </c>
      <c r="B2802" s="8" t="s">
        <v>2664</v>
      </c>
    </row>
    <row r="2803" spans="1:2">
      <c r="A2803" s="8">
        <v>2148588</v>
      </c>
      <c r="B2803" s="8" t="s">
        <v>2665</v>
      </c>
    </row>
    <row r="2804" spans="1:2">
      <c r="A2804" s="8">
        <v>2148585</v>
      </c>
      <c r="B2804" s="8" t="s">
        <v>2666</v>
      </c>
    </row>
    <row r="2805" spans="1:2">
      <c r="A2805" s="8">
        <v>2148570</v>
      </c>
      <c r="B2805" s="8" t="s">
        <v>2667</v>
      </c>
    </row>
    <row r="2806" spans="1:2">
      <c r="A2806" s="8">
        <v>2148571</v>
      </c>
      <c r="B2806" s="8" t="s">
        <v>2668</v>
      </c>
    </row>
    <row r="2807" spans="1:2">
      <c r="A2807" s="8">
        <v>2148580</v>
      </c>
      <c r="B2807" s="8" t="s">
        <v>2669</v>
      </c>
    </row>
    <row r="2808" spans="1:2">
      <c r="A2808" s="8">
        <v>2168556</v>
      </c>
      <c r="B2808" s="8" t="s">
        <v>2670</v>
      </c>
    </row>
    <row r="2809" spans="1:2">
      <c r="A2809" s="8">
        <v>2168519</v>
      </c>
      <c r="B2809" s="8" t="s">
        <v>2671</v>
      </c>
    </row>
    <row r="2810" spans="1:2">
      <c r="A2810" s="8">
        <v>2168566</v>
      </c>
      <c r="B2810" s="8" t="s">
        <v>2672</v>
      </c>
    </row>
    <row r="2811" spans="1:2">
      <c r="A2811" s="8">
        <v>2168522</v>
      </c>
      <c r="B2811" s="8" t="s">
        <v>2673</v>
      </c>
    </row>
    <row r="2812" spans="1:2">
      <c r="A2812" s="8">
        <v>2168501</v>
      </c>
      <c r="B2812" s="8" t="s">
        <v>2674</v>
      </c>
    </row>
    <row r="2813" spans="1:2">
      <c r="A2813" s="8">
        <v>2168631</v>
      </c>
      <c r="B2813" s="8" t="s">
        <v>2675</v>
      </c>
    </row>
    <row r="2814" spans="1:2">
      <c r="A2814" s="8">
        <v>2168511</v>
      </c>
      <c r="B2814" s="8" t="s">
        <v>2676</v>
      </c>
    </row>
    <row r="2815" spans="1:2">
      <c r="A2815" s="8">
        <v>2168514</v>
      </c>
      <c r="B2815" s="8" t="s">
        <v>2676</v>
      </c>
    </row>
    <row r="2816" spans="1:2">
      <c r="A2816" s="8">
        <v>2168512</v>
      </c>
      <c r="B2816" s="8" t="s">
        <v>2676</v>
      </c>
    </row>
    <row r="2817" spans="1:2">
      <c r="A2817" s="8">
        <v>2168510</v>
      </c>
      <c r="B2817" s="8" t="s">
        <v>2677</v>
      </c>
    </row>
    <row r="2818" spans="1:2">
      <c r="A2818" s="8">
        <v>2168570</v>
      </c>
      <c r="B2818" s="8" t="s">
        <v>2678</v>
      </c>
    </row>
    <row r="2819" spans="1:2">
      <c r="A2819" s="8">
        <v>2158515</v>
      </c>
      <c r="B2819" s="8" t="s">
        <v>2679</v>
      </c>
    </row>
    <row r="2820" spans="1:2">
      <c r="A2820" s="8">
        <v>2158527</v>
      </c>
      <c r="B2820" s="8" t="s">
        <v>2680</v>
      </c>
    </row>
    <row r="2821" spans="1:2">
      <c r="A2821" s="8">
        <v>2158511</v>
      </c>
      <c r="B2821" s="8" t="s">
        <v>2681</v>
      </c>
    </row>
    <row r="2822" spans="1:2">
      <c r="A2822" s="8">
        <v>2158510</v>
      </c>
      <c r="B2822" s="8" t="s">
        <v>2682</v>
      </c>
    </row>
    <row r="2823" spans="1:2">
      <c r="A2823" s="8">
        <v>2158530</v>
      </c>
      <c r="B2823" s="8" t="s">
        <v>2683</v>
      </c>
    </row>
    <row r="2824" spans="1:2">
      <c r="A2824" s="8">
        <v>2158509</v>
      </c>
      <c r="B2824" s="8" t="s">
        <v>2684</v>
      </c>
    </row>
    <row r="2825" spans="1:2">
      <c r="A2825" s="8">
        <v>2158588</v>
      </c>
      <c r="B2825" s="8" t="s">
        <v>2685</v>
      </c>
    </row>
    <row r="2826" spans="1:2">
      <c r="A2826" s="8">
        <v>2158576</v>
      </c>
      <c r="B2826" s="8" t="s">
        <v>2686</v>
      </c>
    </row>
    <row r="2827" spans="1:2">
      <c r="A2827" s="8">
        <v>2158566</v>
      </c>
      <c r="B2827" s="8" t="s">
        <v>2687</v>
      </c>
    </row>
    <row r="2828" spans="1:2">
      <c r="A2828" s="8">
        <v>2158585</v>
      </c>
      <c r="B2828" s="8" t="s">
        <v>2688</v>
      </c>
    </row>
    <row r="2829" spans="1:2">
      <c r="A2829" s="8">
        <v>2158550</v>
      </c>
      <c r="B2829" s="8" t="s">
        <v>2689</v>
      </c>
    </row>
    <row r="2830" spans="1:2">
      <c r="A2830" s="8">
        <v>2158521</v>
      </c>
      <c r="B2830" s="8" t="s">
        <v>2690</v>
      </c>
    </row>
    <row r="2831" spans="1:2">
      <c r="A2831" s="8">
        <v>2158558</v>
      </c>
      <c r="B2831" s="8" t="s">
        <v>2691</v>
      </c>
    </row>
    <row r="2832" spans="1:2">
      <c r="A2832" s="8">
        <v>2158520</v>
      </c>
      <c r="B2832" s="8" t="s">
        <v>2692</v>
      </c>
    </row>
    <row r="2833" spans="1:2">
      <c r="A2833" s="8">
        <v>2158542</v>
      </c>
      <c r="B2833" s="8" t="s">
        <v>2693</v>
      </c>
    </row>
    <row r="2834" spans="1:2">
      <c r="A2834" s="8">
        <v>2158570</v>
      </c>
      <c r="B2834" s="8" t="s">
        <v>2694</v>
      </c>
    </row>
    <row r="2835" spans="1:2">
      <c r="A2835" s="8">
        <v>2525162</v>
      </c>
      <c r="B2835" s="8" t="s">
        <v>2695</v>
      </c>
    </row>
    <row r="2836" spans="1:2">
      <c r="A2836" s="8">
        <v>2525152</v>
      </c>
      <c r="B2836" s="8" t="s">
        <v>2696</v>
      </c>
    </row>
    <row r="2837" spans="1:2">
      <c r="A2837" s="8">
        <v>2525192</v>
      </c>
      <c r="B2837" s="8" t="s">
        <v>2697</v>
      </c>
    </row>
    <row r="2838" spans="1:2">
      <c r="A2838" s="8">
        <v>2525191</v>
      </c>
      <c r="B2838" s="8" t="s">
        <v>2698</v>
      </c>
    </row>
    <row r="2839" spans="1:2">
      <c r="A2839" s="8">
        <v>2525172</v>
      </c>
      <c r="B2839" s="8" t="s">
        <v>2699</v>
      </c>
    </row>
    <row r="2840" spans="1:2">
      <c r="A2840" s="8">
        <v>2525181</v>
      </c>
      <c r="B2840" s="8" t="s">
        <v>2700</v>
      </c>
    </row>
    <row r="2841" spans="1:2">
      <c r="A2841" s="8">
        <v>2525185</v>
      </c>
      <c r="B2841" s="8" t="s">
        <v>2701</v>
      </c>
    </row>
    <row r="2842" spans="1:2">
      <c r="A2842" s="8">
        <v>2525188</v>
      </c>
      <c r="B2842" s="8" t="s">
        <v>2702</v>
      </c>
    </row>
    <row r="2843" spans="1:2">
      <c r="A2843" s="8">
        <v>2525177</v>
      </c>
      <c r="B2843" s="8" t="s">
        <v>2703</v>
      </c>
    </row>
    <row r="2844" spans="1:2">
      <c r="A2844" s="8">
        <v>2525183</v>
      </c>
      <c r="B2844" s="8" t="s">
        <v>2704</v>
      </c>
    </row>
    <row r="2845" spans="1:2">
      <c r="A2845" s="8">
        <v>2525189</v>
      </c>
      <c r="B2845" s="8" t="s">
        <v>2705</v>
      </c>
    </row>
    <row r="2846" spans="1:2">
      <c r="A2846" s="8">
        <v>2525258</v>
      </c>
      <c r="B2846" s="8" t="s">
        <v>2706</v>
      </c>
    </row>
    <row r="2847" spans="1:2">
      <c r="A2847" s="8">
        <v>2525222</v>
      </c>
      <c r="B2847" s="8" t="s">
        <v>2707</v>
      </c>
    </row>
    <row r="2848" spans="1:2">
      <c r="A2848" s="8">
        <v>2525210</v>
      </c>
      <c r="B2848" s="8" t="s">
        <v>2708</v>
      </c>
    </row>
    <row r="2849" spans="1:2">
      <c r="A2849" s="8">
        <v>2525288</v>
      </c>
      <c r="B2849" s="8" t="s">
        <v>2709</v>
      </c>
    </row>
    <row r="2850" spans="1:2">
      <c r="A2850" s="8">
        <v>2525201</v>
      </c>
      <c r="B2850" s="8" t="s">
        <v>2710</v>
      </c>
    </row>
    <row r="2851" spans="1:2">
      <c r="A2851" s="8">
        <v>2525277</v>
      </c>
      <c r="B2851" s="8" t="s">
        <v>2711</v>
      </c>
    </row>
    <row r="2852" spans="1:2">
      <c r="A2852" s="8">
        <v>2525211</v>
      </c>
      <c r="B2852" s="8" t="s">
        <v>2712</v>
      </c>
    </row>
    <row r="2853" spans="1:2">
      <c r="A2853" s="8">
        <v>2525225</v>
      </c>
      <c r="B2853" s="8" t="s">
        <v>2713</v>
      </c>
    </row>
    <row r="2854" spans="1:2">
      <c r="A2854" s="8">
        <v>2525233</v>
      </c>
      <c r="B2854" s="8" t="s">
        <v>2714</v>
      </c>
    </row>
    <row r="2855" spans="1:2">
      <c r="A2855" s="8">
        <v>2525286</v>
      </c>
      <c r="B2855" s="8" t="s">
        <v>2715</v>
      </c>
    </row>
    <row r="2856" spans="1:2">
      <c r="A2856" s="8">
        <v>2525280</v>
      </c>
      <c r="B2856" s="8" t="s">
        <v>2716</v>
      </c>
    </row>
    <row r="2857" spans="1:2">
      <c r="A2857" s="8">
        <v>2525294</v>
      </c>
      <c r="B2857" s="8" t="s">
        <v>2717</v>
      </c>
    </row>
    <row r="2858" spans="1:2">
      <c r="A2858" s="8">
        <v>2525221</v>
      </c>
      <c r="B2858" s="8" t="s">
        <v>2718</v>
      </c>
    </row>
    <row r="2859" spans="1:2">
      <c r="A2859" s="8">
        <v>2525298</v>
      </c>
      <c r="B2859" s="8" t="s">
        <v>2719</v>
      </c>
    </row>
    <row r="2860" spans="1:2">
      <c r="A2860" s="8">
        <v>2525293</v>
      </c>
      <c r="B2860" s="8" t="s">
        <v>2720</v>
      </c>
    </row>
    <row r="2861" spans="1:2">
      <c r="A2861" s="8">
        <v>2525295</v>
      </c>
      <c r="B2861" s="8" t="s">
        <v>2721</v>
      </c>
    </row>
    <row r="2862" spans="1:2">
      <c r="A2862" s="8">
        <v>2525260</v>
      </c>
      <c r="B2862" s="8" t="s">
        <v>2722</v>
      </c>
    </row>
    <row r="2863" spans="1:2">
      <c r="A2863" s="8">
        <v>2525285</v>
      </c>
      <c r="B2863" s="8" t="s">
        <v>2723</v>
      </c>
    </row>
    <row r="2864" spans="1:2">
      <c r="A2864" s="8">
        <v>2525282</v>
      </c>
      <c r="B2864" s="8" t="s">
        <v>2724</v>
      </c>
    </row>
    <row r="2865" spans="1:2">
      <c r="A2865" s="8">
        <v>2525220</v>
      </c>
      <c r="B2865" s="8" t="s">
        <v>2725</v>
      </c>
    </row>
    <row r="2866" spans="1:2">
      <c r="A2866" s="8">
        <v>2525255</v>
      </c>
      <c r="B2866" s="8" t="s">
        <v>2726</v>
      </c>
    </row>
    <row r="2867" spans="1:2">
      <c r="A2867" s="8">
        <v>2525252</v>
      </c>
      <c r="B2867" s="8" t="s">
        <v>2727</v>
      </c>
    </row>
    <row r="2868" spans="1:2">
      <c r="A2868" s="8">
        <v>2525269</v>
      </c>
      <c r="B2868" s="8" t="s">
        <v>2728</v>
      </c>
    </row>
    <row r="2869" spans="1:2">
      <c r="A2869" s="8">
        <v>2525215</v>
      </c>
      <c r="B2869" s="8" t="s">
        <v>2725</v>
      </c>
    </row>
    <row r="2870" spans="1:2">
      <c r="A2870" s="8">
        <v>2525214</v>
      </c>
      <c r="B2870" s="8" t="s">
        <v>2729</v>
      </c>
    </row>
    <row r="2871" spans="1:2">
      <c r="A2871" s="8">
        <v>2525213</v>
      </c>
      <c r="B2871" s="8" t="s">
        <v>2730</v>
      </c>
    </row>
    <row r="2872" spans="1:2">
      <c r="A2872" s="8">
        <v>2525212</v>
      </c>
      <c r="B2872" s="8" t="s">
        <v>2731</v>
      </c>
    </row>
    <row r="2873" spans="1:2">
      <c r="A2873" s="8">
        <v>2525287</v>
      </c>
      <c r="B2873" s="8" t="s">
        <v>2732</v>
      </c>
    </row>
    <row r="2874" spans="1:2">
      <c r="A2874" s="8">
        <v>2525250</v>
      </c>
      <c r="B2874" s="8" t="s">
        <v>2733</v>
      </c>
    </row>
    <row r="2875" spans="1:2">
      <c r="A2875" s="8">
        <v>2525297</v>
      </c>
      <c r="B2875" s="8" t="s">
        <v>2734</v>
      </c>
    </row>
    <row r="2876" spans="1:2">
      <c r="A2876" s="8">
        <v>2520370</v>
      </c>
      <c r="B2876" s="8" t="s">
        <v>2735</v>
      </c>
    </row>
    <row r="2877" spans="1:2">
      <c r="A2877" s="8">
        <v>2520373</v>
      </c>
      <c r="B2877" s="8" t="s">
        <v>2736</v>
      </c>
    </row>
    <row r="2878" spans="1:2">
      <c r="A2878" s="8">
        <v>2520383</v>
      </c>
      <c r="B2878" s="8" t="s">
        <v>2737</v>
      </c>
    </row>
    <row r="2879" spans="1:2">
      <c r="A2879" s="8">
        <v>2520374</v>
      </c>
      <c r="B2879" s="8" t="s">
        <v>2738</v>
      </c>
    </row>
    <row r="2880" spans="1:2">
      <c r="A2880" s="8">
        <v>2520375</v>
      </c>
      <c r="B2880" s="8" t="s">
        <v>2738</v>
      </c>
    </row>
    <row r="2881" spans="1:2">
      <c r="A2881" s="8">
        <v>2520381</v>
      </c>
      <c r="B2881" s="8" t="s">
        <v>2739</v>
      </c>
    </row>
    <row r="2882" spans="1:2">
      <c r="A2882" s="8">
        <v>2520377</v>
      </c>
      <c r="B2882" s="8" t="s">
        <v>2740</v>
      </c>
    </row>
    <row r="2883" spans="1:2">
      <c r="A2883" s="8">
        <v>2520388</v>
      </c>
      <c r="B2883" s="8" t="s">
        <v>2741</v>
      </c>
    </row>
    <row r="2884" spans="1:2">
      <c r="A2884" s="8">
        <v>2528538</v>
      </c>
      <c r="B2884" s="8" t="s">
        <v>2742</v>
      </c>
    </row>
    <row r="2885" spans="1:2">
      <c r="A2885" s="8">
        <v>2520395</v>
      </c>
      <c r="B2885" s="8" t="s">
        <v>2743</v>
      </c>
    </row>
    <row r="2886" spans="1:2">
      <c r="A2886" s="8">
        <v>2520385</v>
      </c>
      <c r="B2886" s="8" t="s">
        <v>2744</v>
      </c>
    </row>
    <row r="2887" spans="1:2">
      <c r="A2887" s="8">
        <v>2520392</v>
      </c>
      <c r="B2887" s="8" t="s">
        <v>2745</v>
      </c>
    </row>
    <row r="2888" spans="1:2">
      <c r="A2888" s="8">
        <v>2520386</v>
      </c>
      <c r="B2888" s="8" t="s">
        <v>2746</v>
      </c>
    </row>
    <row r="2889" spans="1:2">
      <c r="A2889" s="8">
        <v>2520371</v>
      </c>
      <c r="B2889" s="8" t="s">
        <v>2747</v>
      </c>
    </row>
    <row r="2890" spans="1:2">
      <c r="A2890" s="8">
        <v>2520398</v>
      </c>
      <c r="B2890" s="8" t="s">
        <v>2748</v>
      </c>
    </row>
    <row r="2891" spans="1:2">
      <c r="A2891" s="8">
        <v>2520378</v>
      </c>
      <c r="B2891" s="8" t="s">
        <v>2749</v>
      </c>
    </row>
    <row r="2892" spans="1:2">
      <c r="A2892" s="8">
        <v>2378515</v>
      </c>
      <c r="B2892" s="8" t="s">
        <v>2750</v>
      </c>
    </row>
    <row r="2893" spans="1:2">
      <c r="A2893" s="8">
        <v>2378555</v>
      </c>
      <c r="B2893" s="8" t="s">
        <v>2751</v>
      </c>
    </row>
    <row r="2894" spans="1:2">
      <c r="A2894" s="8">
        <v>2378510</v>
      </c>
      <c r="B2894" s="8" t="s">
        <v>2752</v>
      </c>
    </row>
    <row r="2895" spans="1:2">
      <c r="A2895" s="8">
        <v>2378523</v>
      </c>
      <c r="B2895" s="8" t="s">
        <v>2753</v>
      </c>
    </row>
    <row r="2896" spans="1:2">
      <c r="A2896" s="8">
        <v>2388522</v>
      </c>
      <c r="B2896" s="8" t="s">
        <v>2754</v>
      </c>
    </row>
    <row r="2897" spans="1:2">
      <c r="A2897" s="8">
        <v>2388580</v>
      </c>
      <c r="B2897" s="8" t="s">
        <v>2755</v>
      </c>
    </row>
    <row r="2898" spans="1:2">
      <c r="A2898" s="8">
        <v>2388570</v>
      </c>
      <c r="B2898" s="8" t="s">
        <v>2756</v>
      </c>
    </row>
    <row r="2899" spans="1:2">
      <c r="A2899" s="8">
        <v>2388535</v>
      </c>
      <c r="B2899" s="8" t="s">
        <v>2757</v>
      </c>
    </row>
    <row r="2900" spans="1:2">
      <c r="A2900" s="8">
        <v>2388511</v>
      </c>
      <c r="B2900" s="8" t="s">
        <v>2755</v>
      </c>
    </row>
    <row r="2901" spans="1:2">
      <c r="A2901" s="8">
        <v>2388588</v>
      </c>
      <c r="B2901" s="8" t="s">
        <v>2758</v>
      </c>
    </row>
    <row r="2902" spans="1:2">
      <c r="A2902" s="8">
        <v>2388616</v>
      </c>
      <c r="B2902" s="8" t="s">
        <v>2759</v>
      </c>
    </row>
    <row r="2903" spans="1:2">
      <c r="A2903" s="8">
        <v>2388520</v>
      </c>
      <c r="B2903" s="8" t="s">
        <v>2760</v>
      </c>
    </row>
    <row r="2904" spans="1:2">
      <c r="A2904" s="8">
        <v>2388541</v>
      </c>
      <c r="B2904" s="8" t="s">
        <v>2761</v>
      </c>
    </row>
    <row r="2905" spans="1:2">
      <c r="A2905" s="8">
        <v>2388686</v>
      </c>
      <c r="B2905" s="8" t="s">
        <v>2762</v>
      </c>
    </row>
    <row r="2906" spans="1:2">
      <c r="A2906" s="8">
        <v>2388533</v>
      </c>
      <c r="B2906" s="8" t="s">
        <v>2763</v>
      </c>
    </row>
    <row r="2907" spans="1:2">
      <c r="A2907" s="8">
        <v>2388558</v>
      </c>
      <c r="B2907" s="8" t="s">
        <v>2764</v>
      </c>
    </row>
    <row r="2908" spans="1:2">
      <c r="A2908" s="8">
        <v>2388550</v>
      </c>
      <c r="B2908" s="8" t="s">
        <v>2765</v>
      </c>
    </row>
    <row r="2909" spans="1:2">
      <c r="A2909" s="8">
        <v>2388585</v>
      </c>
      <c r="B2909" s="8" t="s">
        <v>2766</v>
      </c>
    </row>
    <row r="2910" spans="1:2">
      <c r="A2910" s="8">
        <v>2388567</v>
      </c>
      <c r="B2910" s="8" t="s">
        <v>2767</v>
      </c>
    </row>
    <row r="2911" spans="1:2">
      <c r="A2911" s="8">
        <v>2388565</v>
      </c>
      <c r="B2911" s="8" t="s">
        <v>2768</v>
      </c>
    </row>
    <row r="2912" spans="1:2">
      <c r="A2912" s="8">
        <v>2388513</v>
      </c>
      <c r="B2912" s="8" t="s">
        <v>2769</v>
      </c>
    </row>
    <row r="2913" spans="1:2">
      <c r="A2913" s="8">
        <v>2388540</v>
      </c>
      <c r="B2913" s="8" t="s">
        <v>2769</v>
      </c>
    </row>
    <row r="2914" spans="1:2">
      <c r="A2914" s="8">
        <v>2388510</v>
      </c>
      <c r="B2914" s="8" t="s">
        <v>2770</v>
      </c>
    </row>
    <row r="2915" spans="1:2">
      <c r="A2915" s="8">
        <v>2388536</v>
      </c>
      <c r="B2915" s="8" t="s">
        <v>2771</v>
      </c>
    </row>
    <row r="2916" spans="1:2">
      <c r="A2916" s="8">
        <v>2398501</v>
      </c>
      <c r="B2916" s="8" t="s">
        <v>2772</v>
      </c>
    </row>
    <row r="2917" spans="1:2">
      <c r="A2917" s="8">
        <v>2398528</v>
      </c>
      <c r="B2917" s="8" t="s">
        <v>2773</v>
      </c>
    </row>
    <row r="2918" spans="1:2">
      <c r="A2918" s="8">
        <v>2398550</v>
      </c>
      <c r="B2918" s="8" t="s">
        <v>2774</v>
      </c>
    </row>
    <row r="2919" spans="1:2">
      <c r="A2919" s="8">
        <v>2398558</v>
      </c>
      <c r="B2919" s="8" t="s">
        <v>2775</v>
      </c>
    </row>
    <row r="2920" spans="1:2">
      <c r="A2920" s="8">
        <v>2398560</v>
      </c>
      <c r="B2920" s="8" t="s">
        <v>2776</v>
      </c>
    </row>
    <row r="2921" spans="1:2">
      <c r="A2921" s="8">
        <v>2398688</v>
      </c>
      <c r="B2921" s="8" t="s">
        <v>2777</v>
      </c>
    </row>
    <row r="2922" spans="1:2">
      <c r="A2922" s="8">
        <v>2398588</v>
      </c>
      <c r="B2922" s="8" t="s">
        <v>2778</v>
      </c>
    </row>
    <row r="2923" spans="1:2">
      <c r="A2923" s="8">
        <v>2398585</v>
      </c>
      <c r="B2923" s="8" t="s">
        <v>2779</v>
      </c>
    </row>
    <row r="2924" spans="1:2">
      <c r="A2924" s="8">
        <v>2398686</v>
      </c>
      <c r="B2924" s="8" t="s">
        <v>2780</v>
      </c>
    </row>
    <row r="2925" spans="1:2">
      <c r="A2925" s="8">
        <v>2400196</v>
      </c>
      <c r="B2925" s="8" t="s">
        <v>2781</v>
      </c>
    </row>
    <row r="2926" spans="1:2">
      <c r="A2926" s="8">
        <v>2400195</v>
      </c>
      <c r="B2926" s="8" t="s">
        <v>2782</v>
      </c>
    </row>
    <row r="2927" spans="1:2">
      <c r="A2927" s="8">
        <v>2548501</v>
      </c>
      <c r="B2927" s="8" t="s">
        <v>2783</v>
      </c>
    </row>
    <row r="2928" spans="1:2">
      <c r="A2928" s="8">
        <v>2548567</v>
      </c>
      <c r="B2928" s="8" t="s">
        <v>2784</v>
      </c>
    </row>
    <row r="2929" spans="1:2">
      <c r="A2929" s="8">
        <v>2548543</v>
      </c>
      <c r="B2929" s="8" t="s">
        <v>2785</v>
      </c>
    </row>
    <row r="2930" spans="1:2">
      <c r="A2930" s="8">
        <v>2548555</v>
      </c>
      <c r="B2930" s="8" t="s">
        <v>2785</v>
      </c>
    </row>
    <row r="2931" spans="1:2">
      <c r="A2931" s="8">
        <v>2548532</v>
      </c>
      <c r="B2931" s="8" t="s">
        <v>2786</v>
      </c>
    </row>
    <row r="2932" spans="1:2">
      <c r="A2932" s="8">
        <v>2548585</v>
      </c>
      <c r="B2932" s="8" t="s">
        <v>2787</v>
      </c>
    </row>
    <row r="2933" spans="1:2">
      <c r="A2933" s="8">
        <v>2548562</v>
      </c>
      <c r="B2933" s="8" t="s">
        <v>2788</v>
      </c>
    </row>
    <row r="2934" spans="1:2">
      <c r="A2934" s="8">
        <v>2548589</v>
      </c>
      <c r="B2934" s="8" t="s">
        <v>2789</v>
      </c>
    </row>
    <row r="2935" spans="1:2">
      <c r="A2935" s="8">
        <v>2548530</v>
      </c>
      <c r="B2935" s="8" t="s">
        <v>2790</v>
      </c>
    </row>
    <row r="2936" spans="1:2">
      <c r="A2936" s="8">
        <v>2548610</v>
      </c>
      <c r="B2936" s="8" t="s">
        <v>2791</v>
      </c>
    </row>
    <row r="2937" spans="1:2">
      <c r="A2937" s="8">
        <v>2548503</v>
      </c>
      <c r="B2937" s="8" t="s">
        <v>2792</v>
      </c>
    </row>
    <row r="2938" spans="1:2">
      <c r="A2938" s="8">
        <v>2548588</v>
      </c>
      <c r="B2938" s="8" t="s">
        <v>2793</v>
      </c>
    </row>
    <row r="2939" spans="1:2">
      <c r="A2939" s="8">
        <v>2548502</v>
      </c>
      <c r="B2939" s="8" t="s">
        <v>2794</v>
      </c>
    </row>
    <row r="2940" spans="1:2">
      <c r="A2940" s="8">
        <v>2548578</v>
      </c>
      <c r="B2940" s="8" t="s">
        <v>2795</v>
      </c>
    </row>
    <row r="2941" spans="1:2">
      <c r="A2941" s="8">
        <v>2548686</v>
      </c>
      <c r="B2941" s="8" t="s">
        <v>2796</v>
      </c>
    </row>
    <row r="2942" spans="1:2">
      <c r="A2942" s="8">
        <v>2548533</v>
      </c>
      <c r="B2942" s="8" t="s">
        <v>2797</v>
      </c>
    </row>
    <row r="2943" spans="1:2">
      <c r="A2943" s="8">
        <v>2548614</v>
      </c>
      <c r="B2943" s="8" t="s">
        <v>2798</v>
      </c>
    </row>
    <row r="2944" spans="1:2">
      <c r="A2944" s="8">
        <v>2548612</v>
      </c>
      <c r="B2944" s="8" t="s">
        <v>2798</v>
      </c>
    </row>
    <row r="2945" spans="1:2">
      <c r="A2945" s="8">
        <v>2548601</v>
      </c>
      <c r="B2945" s="8" t="s">
        <v>2799</v>
      </c>
    </row>
    <row r="2946" spans="1:2">
      <c r="A2946" s="8">
        <v>2548510</v>
      </c>
      <c r="B2946" s="8" t="s">
        <v>2800</v>
      </c>
    </row>
    <row r="2947" spans="1:2">
      <c r="A2947" s="8">
        <v>2591292</v>
      </c>
      <c r="B2947" s="8" t="s">
        <v>2801</v>
      </c>
    </row>
    <row r="2948" spans="1:2">
      <c r="A2948" s="8">
        <v>2478686</v>
      </c>
      <c r="B2948" s="8" t="s">
        <v>2802</v>
      </c>
    </row>
    <row r="2949" spans="1:2">
      <c r="A2949" s="8">
        <v>2478533</v>
      </c>
      <c r="B2949" s="8" t="s">
        <v>2803</v>
      </c>
    </row>
    <row r="2950" spans="1:2">
      <c r="A2950" s="8">
        <v>2478550</v>
      </c>
      <c r="B2950" s="8" t="s">
        <v>2804</v>
      </c>
    </row>
    <row r="2951" spans="1:2">
      <c r="A2951" s="8">
        <v>2478530</v>
      </c>
      <c r="B2951" s="8" t="s">
        <v>2805</v>
      </c>
    </row>
    <row r="2952" spans="1:2">
      <c r="A2952" s="8">
        <v>2478510</v>
      </c>
      <c r="B2952" s="8" t="s">
        <v>2806</v>
      </c>
    </row>
    <row r="2953" spans="1:2">
      <c r="A2953" s="8">
        <v>2478538</v>
      </c>
      <c r="B2953" s="8" t="s">
        <v>2807</v>
      </c>
    </row>
    <row r="2954" spans="1:2">
      <c r="A2954" s="8">
        <v>2488686</v>
      </c>
      <c r="B2954" s="8" t="s">
        <v>2808</v>
      </c>
    </row>
    <row r="2955" spans="1:2">
      <c r="A2955" s="8">
        <v>2488555</v>
      </c>
      <c r="B2955" s="8" t="s">
        <v>2809</v>
      </c>
    </row>
    <row r="2956" spans="1:2">
      <c r="A2956" s="8">
        <v>2518513</v>
      </c>
      <c r="B2956" s="8" t="s">
        <v>2810</v>
      </c>
    </row>
    <row r="2957" spans="1:2">
      <c r="A2957" s="8">
        <v>2518530</v>
      </c>
      <c r="B2957" s="8" t="s">
        <v>2811</v>
      </c>
    </row>
    <row r="2958" spans="1:2">
      <c r="A2958" s="8">
        <v>2518570</v>
      </c>
      <c r="B2958" s="8" t="s">
        <v>2812</v>
      </c>
    </row>
    <row r="2959" spans="1:2">
      <c r="A2959" s="8">
        <v>2518580</v>
      </c>
      <c r="B2959" s="8" t="s">
        <v>2812</v>
      </c>
    </row>
    <row r="2960" spans="1:2">
      <c r="A2960" s="8">
        <v>2518533</v>
      </c>
      <c r="B2960" s="8" t="s">
        <v>2813</v>
      </c>
    </row>
    <row r="2961" spans="1:2">
      <c r="A2961" s="8">
        <v>2518543</v>
      </c>
      <c r="B2961" s="8" t="s">
        <v>2814</v>
      </c>
    </row>
    <row r="2962" spans="1:2">
      <c r="A2962" s="8">
        <v>2518502</v>
      </c>
      <c r="B2962" s="8" t="s">
        <v>2815</v>
      </c>
    </row>
    <row r="2963" spans="1:2">
      <c r="A2963" s="8">
        <v>2518551</v>
      </c>
      <c r="B2963" s="8" t="s">
        <v>2816</v>
      </c>
    </row>
    <row r="2964" spans="1:2">
      <c r="A2964" s="8">
        <v>2518558</v>
      </c>
      <c r="B2964" s="8" t="s">
        <v>2817</v>
      </c>
    </row>
    <row r="2965" spans="1:2">
      <c r="A2965" s="8">
        <v>2518540</v>
      </c>
      <c r="B2965" s="8" t="s">
        <v>2818</v>
      </c>
    </row>
    <row r="2966" spans="1:2">
      <c r="A2966" s="8">
        <v>2518560</v>
      </c>
      <c r="B2966" s="8" t="s">
        <v>2819</v>
      </c>
    </row>
    <row r="2967" spans="1:2">
      <c r="A2967" s="8">
        <v>2518522</v>
      </c>
      <c r="B2967" s="8" t="s">
        <v>2820</v>
      </c>
    </row>
    <row r="2968" spans="1:2">
      <c r="A2968" s="8">
        <v>2518505</v>
      </c>
      <c r="B2968" s="8" t="s">
        <v>2821</v>
      </c>
    </row>
    <row r="2969" spans="1:2">
      <c r="A2969" s="8">
        <v>2518511</v>
      </c>
      <c r="B2969" s="8" t="s">
        <v>2822</v>
      </c>
    </row>
    <row r="2970" spans="1:2">
      <c r="A2970" s="8">
        <v>2518515</v>
      </c>
      <c r="B2970" s="8" t="s">
        <v>2823</v>
      </c>
    </row>
    <row r="2971" spans="1:2">
      <c r="A2971" s="8">
        <v>2518588</v>
      </c>
      <c r="B2971" s="8" t="s">
        <v>2824</v>
      </c>
    </row>
    <row r="2972" spans="1:2">
      <c r="A2972" s="8">
        <v>2518555</v>
      </c>
      <c r="B2972" s="8" t="s">
        <v>2825</v>
      </c>
    </row>
    <row r="2973" spans="1:2">
      <c r="A2973" s="8">
        <v>2518510</v>
      </c>
      <c r="B2973" s="8" t="s">
        <v>2826</v>
      </c>
    </row>
    <row r="2974" spans="1:2">
      <c r="A2974" s="8">
        <v>2518581</v>
      </c>
      <c r="B2974" s="8" t="s">
        <v>2827</v>
      </c>
    </row>
    <row r="2975" spans="1:2">
      <c r="A2975" s="8">
        <v>2518501</v>
      </c>
      <c r="B2975" s="8" t="s">
        <v>2828</v>
      </c>
    </row>
    <row r="2976" spans="1:2">
      <c r="A2976" s="8">
        <v>2518534</v>
      </c>
      <c r="B2976" s="8" t="s">
        <v>2829</v>
      </c>
    </row>
    <row r="2977" spans="1:2">
      <c r="A2977" s="8">
        <v>2518550</v>
      </c>
      <c r="B2977" s="8" t="s">
        <v>2830</v>
      </c>
    </row>
    <row r="2978" spans="1:2">
      <c r="A2978" s="8">
        <v>2518601</v>
      </c>
      <c r="B2978" s="8" t="s">
        <v>2831</v>
      </c>
    </row>
    <row r="2979" spans="1:2">
      <c r="A2979" s="8">
        <v>2518566</v>
      </c>
      <c r="B2979" s="8" t="s">
        <v>2832</v>
      </c>
    </row>
    <row r="2980" spans="1:2">
      <c r="A2980" s="8">
        <v>2518531</v>
      </c>
      <c r="B2980" s="8" t="s">
        <v>2833</v>
      </c>
    </row>
    <row r="2981" spans="1:2">
      <c r="A2981" s="8">
        <v>2518567</v>
      </c>
      <c r="B2981" s="8" t="s">
        <v>2834</v>
      </c>
    </row>
    <row r="2982" spans="1:2">
      <c r="A2982" s="8">
        <v>2520881</v>
      </c>
      <c r="B2982" s="8" t="s">
        <v>2835</v>
      </c>
    </row>
    <row r="2983" spans="1:2">
      <c r="A2983" s="8">
        <v>2520882</v>
      </c>
      <c r="B2983" s="8" t="s">
        <v>2836</v>
      </c>
    </row>
    <row r="2984" spans="1:2">
      <c r="A2984" s="8">
        <v>2520886</v>
      </c>
      <c r="B2984" s="8" t="s">
        <v>2837</v>
      </c>
    </row>
    <row r="2985" spans="1:2">
      <c r="A2985" s="8">
        <v>2520880</v>
      </c>
      <c r="B2985" s="8" t="s">
        <v>2838</v>
      </c>
    </row>
    <row r="2986" spans="1:2">
      <c r="A2986" s="8">
        <v>2520885</v>
      </c>
      <c r="B2986" s="8" t="s">
        <v>2838</v>
      </c>
    </row>
    <row r="2987" spans="1:2">
      <c r="A2987" s="8">
        <v>2520888</v>
      </c>
      <c r="B2987" s="8" t="s">
        <v>2839</v>
      </c>
    </row>
    <row r="2988" spans="1:2">
      <c r="A2988" s="8">
        <v>2520883</v>
      </c>
      <c r="B2988" s="8" t="s">
        <v>2840</v>
      </c>
    </row>
    <row r="2989" spans="1:2">
      <c r="A2989" s="8">
        <v>2508560</v>
      </c>
      <c r="B2989" s="8" t="s">
        <v>2841</v>
      </c>
    </row>
    <row r="2990" spans="1:2">
      <c r="A2990" s="8">
        <v>2508555</v>
      </c>
      <c r="B2990" s="8" t="s">
        <v>2842</v>
      </c>
    </row>
    <row r="2991" spans="1:2">
      <c r="A2991" s="8">
        <v>2508511</v>
      </c>
      <c r="B2991" s="8" t="s">
        <v>2843</v>
      </c>
    </row>
    <row r="2992" spans="1:2">
      <c r="A2992" s="8">
        <v>2508588</v>
      </c>
      <c r="B2992" s="8" t="s">
        <v>2844</v>
      </c>
    </row>
    <row r="2993" spans="1:2">
      <c r="A2993" s="8">
        <v>2500293</v>
      </c>
      <c r="B2993" s="8" t="s">
        <v>2845</v>
      </c>
    </row>
    <row r="2994" spans="1:2">
      <c r="A2994" s="8">
        <v>2500296</v>
      </c>
      <c r="B2994" s="8" t="s">
        <v>2846</v>
      </c>
    </row>
    <row r="2995" spans="1:2">
      <c r="A2995" s="8">
        <v>2500298</v>
      </c>
      <c r="B2995" s="8" t="s">
        <v>2847</v>
      </c>
    </row>
    <row r="2996" spans="1:2">
      <c r="A2996" s="8">
        <v>2500292</v>
      </c>
      <c r="B2996" s="8" t="s">
        <v>2848</v>
      </c>
    </row>
    <row r="2997" spans="1:2">
      <c r="A2997" s="8">
        <v>2500295</v>
      </c>
      <c r="B2997" s="8" t="s">
        <v>2849</v>
      </c>
    </row>
    <row r="2998" spans="1:2">
      <c r="A2998" s="8">
        <v>2500280</v>
      </c>
      <c r="B2998" s="8" t="s">
        <v>2850</v>
      </c>
    </row>
    <row r="2999" spans="1:2">
      <c r="A2999" s="8">
        <v>2500294</v>
      </c>
      <c r="B2999" s="8" t="s">
        <v>2851</v>
      </c>
    </row>
    <row r="3000" spans="1:2">
      <c r="A3000" s="8">
        <v>2568510</v>
      </c>
      <c r="B3000" s="8" t="s">
        <v>2852</v>
      </c>
    </row>
    <row r="3001" spans="1:2">
      <c r="A3001" s="8">
        <v>2538522</v>
      </c>
      <c r="B3001" s="8" t="s">
        <v>2853</v>
      </c>
    </row>
    <row r="3002" spans="1:2">
      <c r="A3002" s="8">
        <v>2538555</v>
      </c>
      <c r="B3002" s="8" t="s">
        <v>2854</v>
      </c>
    </row>
    <row r="3003" spans="1:2">
      <c r="A3003" s="8">
        <v>2538531</v>
      </c>
      <c r="B3003" s="8" t="s">
        <v>2855</v>
      </c>
    </row>
    <row r="3004" spans="1:2">
      <c r="A3004" s="8">
        <v>2538543</v>
      </c>
      <c r="B3004" s="8" t="s">
        <v>2853</v>
      </c>
    </row>
    <row r="3005" spans="1:2">
      <c r="A3005" s="8">
        <v>2538571</v>
      </c>
      <c r="B3005" s="8" t="s">
        <v>2856</v>
      </c>
    </row>
    <row r="3006" spans="1:2">
      <c r="A3006" s="8">
        <v>2538530</v>
      </c>
      <c r="B3006" s="8" t="s">
        <v>2857</v>
      </c>
    </row>
    <row r="3007" spans="1:2">
      <c r="A3007" s="8">
        <v>2538585</v>
      </c>
      <c r="B3007" s="8" t="s">
        <v>2858</v>
      </c>
    </row>
    <row r="3008" spans="1:2">
      <c r="A3008" s="8">
        <v>2538660</v>
      </c>
      <c r="B3008" s="8" t="s">
        <v>2859</v>
      </c>
    </row>
    <row r="3009" spans="1:2">
      <c r="A3009" s="8">
        <v>2538686</v>
      </c>
      <c r="B3009" s="8" t="s">
        <v>2860</v>
      </c>
    </row>
    <row r="3010" spans="1:2">
      <c r="A3010" s="8">
        <v>2538577</v>
      </c>
      <c r="B3010" s="8" t="s">
        <v>2861</v>
      </c>
    </row>
    <row r="3011" spans="1:2">
      <c r="A3011" s="8">
        <v>2538510</v>
      </c>
      <c r="B3011" s="8" t="s">
        <v>2862</v>
      </c>
    </row>
    <row r="3012" spans="1:2">
      <c r="A3012" s="8">
        <v>2538550</v>
      </c>
      <c r="B3012" s="8" t="s">
        <v>2863</v>
      </c>
    </row>
    <row r="3013" spans="1:2">
      <c r="A3013" s="8">
        <v>2538588</v>
      </c>
      <c r="B3013" s="8" t="s">
        <v>2864</v>
      </c>
    </row>
    <row r="3014" spans="1:2">
      <c r="A3014" s="8">
        <v>2498510</v>
      </c>
      <c r="B3014" s="8" t="s">
        <v>2865</v>
      </c>
    </row>
    <row r="3015" spans="1:2">
      <c r="A3015" s="8">
        <v>2498686</v>
      </c>
      <c r="B3015" s="8" t="s">
        <v>2866</v>
      </c>
    </row>
    <row r="3016" spans="1:2">
      <c r="A3016" s="8">
        <v>2380292</v>
      </c>
      <c r="B3016" s="8" t="s">
        <v>2867</v>
      </c>
    </row>
    <row r="3017" spans="1:2">
      <c r="A3017" s="8">
        <v>2380298</v>
      </c>
      <c r="B3017" s="8" t="s">
        <v>2868</v>
      </c>
    </row>
    <row r="3018" spans="1:2">
      <c r="A3018" s="8">
        <v>2578502</v>
      </c>
      <c r="B3018" s="8" t="s">
        <v>2869</v>
      </c>
    </row>
    <row r="3019" spans="1:2">
      <c r="A3019" s="8">
        <v>2578511</v>
      </c>
      <c r="B3019" s="8" t="s">
        <v>2870</v>
      </c>
    </row>
    <row r="3020" spans="1:2">
      <c r="A3020" s="8">
        <v>2578566</v>
      </c>
      <c r="B3020" s="8" t="s">
        <v>2871</v>
      </c>
    </row>
    <row r="3021" spans="1:2">
      <c r="A3021" s="8">
        <v>2578585</v>
      </c>
      <c r="B3021" s="8" t="s">
        <v>2872</v>
      </c>
    </row>
    <row r="3022" spans="1:2">
      <c r="A3022" s="8">
        <v>2578523</v>
      </c>
      <c r="B3022" s="8" t="s">
        <v>2873</v>
      </c>
    </row>
    <row r="3023" spans="1:2">
      <c r="A3023" s="8">
        <v>2578555</v>
      </c>
      <c r="B3023" s="8" t="s">
        <v>2874</v>
      </c>
    </row>
    <row r="3024" spans="1:2">
      <c r="A3024" s="8">
        <v>2578577</v>
      </c>
      <c r="B3024" s="8" t="s">
        <v>2875</v>
      </c>
    </row>
    <row r="3025" spans="1:2">
      <c r="A3025" s="8">
        <v>2578533</v>
      </c>
      <c r="B3025" s="8" t="s">
        <v>2876</v>
      </c>
    </row>
    <row r="3026" spans="1:2">
      <c r="A3026" s="8">
        <v>2578501</v>
      </c>
      <c r="B3026" s="8" t="s">
        <v>2877</v>
      </c>
    </row>
    <row r="3027" spans="1:2">
      <c r="A3027" s="8">
        <v>2578588</v>
      </c>
      <c r="B3027" s="8" t="s">
        <v>2878</v>
      </c>
    </row>
    <row r="3028" spans="1:2">
      <c r="A3028" s="8">
        <v>2578584</v>
      </c>
      <c r="B3028" s="8" t="s">
        <v>2879</v>
      </c>
    </row>
    <row r="3029" spans="1:2">
      <c r="A3029" s="8">
        <v>2591392</v>
      </c>
      <c r="B3029" s="8" t="s">
        <v>2880</v>
      </c>
    </row>
    <row r="3030" spans="1:2">
      <c r="A3030" s="8">
        <v>2438522</v>
      </c>
      <c r="B3030" s="8" t="s">
        <v>2881</v>
      </c>
    </row>
    <row r="3031" spans="1:2">
      <c r="A3031" s="8">
        <v>2438511</v>
      </c>
      <c r="B3031" s="8" t="s">
        <v>2882</v>
      </c>
    </row>
    <row r="3032" spans="1:2">
      <c r="A3032" s="8">
        <v>2438588</v>
      </c>
      <c r="B3032" s="8" t="s">
        <v>2883</v>
      </c>
    </row>
    <row r="3033" spans="1:2">
      <c r="A3033" s="8">
        <v>2438577</v>
      </c>
      <c r="B3033" s="8" t="s">
        <v>2884</v>
      </c>
    </row>
    <row r="3034" spans="1:2">
      <c r="A3034" s="8">
        <v>2438555</v>
      </c>
      <c r="B3034" s="8" t="s">
        <v>2885</v>
      </c>
    </row>
    <row r="3035" spans="1:2">
      <c r="A3035" s="8">
        <v>2438505</v>
      </c>
      <c r="B3035" s="8" t="s">
        <v>2886</v>
      </c>
    </row>
    <row r="3036" spans="1:2">
      <c r="A3036" s="8">
        <v>2438689</v>
      </c>
      <c r="B3036" s="8" t="s">
        <v>2887</v>
      </c>
    </row>
    <row r="3037" spans="1:2">
      <c r="A3037" s="8">
        <v>2438550</v>
      </c>
      <c r="B3037" s="8" t="s">
        <v>2888</v>
      </c>
    </row>
    <row r="3038" spans="1:2">
      <c r="A3038" s="8">
        <v>2438551</v>
      </c>
      <c r="B3038" s="8" t="s">
        <v>2889</v>
      </c>
    </row>
    <row r="3039" spans="1:2">
      <c r="A3039" s="8">
        <v>2438521</v>
      </c>
      <c r="B3039" s="8" t="s">
        <v>2890</v>
      </c>
    </row>
    <row r="3040" spans="1:2">
      <c r="A3040" s="8">
        <v>2438501</v>
      </c>
      <c r="B3040" s="8" t="s">
        <v>2891</v>
      </c>
    </row>
    <row r="3041" spans="1:2">
      <c r="A3041" s="8">
        <v>2438601</v>
      </c>
      <c r="B3041" s="8" t="s">
        <v>2892</v>
      </c>
    </row>
    <row r="3042" spans="1:2">
      <c r="A3042" s="8">
        <v>2438571</v>
      </c>
      <c r="B3042" s="8" t="s">
        <v>2893</v>
      </c>
    </row>
    <row r="3043" spans="1:2">
      <c r="A3043" s="8">
        <v>2438604</v>
      </c>
      <c r="B3043" s="8" t="s">
        <v>2894</v>
      </c>
    </row>
    <row r="3044" spans="1:2">
      <c r="A3044" s="8">
        <v>2438510</v>
      </c>
      <c r="B3044" s="8" t="s">
        <v>2895</v>
      </c>
    </row>
    <row r="3045" spans="1:2">
      <c r="A3045" s="8">
        <v>2438533</v>
      </c>
      <c r="B3045" s="8" t="s">
        <v>2896</v>
      </c>
    </row>
    <row r="3046" spans="1:2">
      <c r="A3046" s="8">
        <v>2438531</v>
      </c>
      <c r="B3046" s="8" t="s">
        <v>2897</v>
      </c>
    </row>
    <row r="3047" spans="1:2">
      <c r="A3047" s="8">
        <v>2430198</v>
      </c>
      <c r="B3047" s="8" t="s">
        <v>2898</v>
      </c>
    </row>
    <row r="3048" spans="1:2">
      <c r="A3048" s="8">
        <v>2430197</v>
      </c>
      <c r="B3048" s="8" t="s">
        <v>2899</v>
      </c>
    </row>
    <row r="3049" spans="1:2">
      <c r="A3049" s="8">
        <v>2430193</v>
      </c>
      <c r="B3049" s="8" t="s">
        <v>2900</v>
      </c>
    </row>
    <row r="3050" spans="1:2">
      <c r="A3050" s="8">
        <v>2430192</v>
      </c>
      <c r="B3050" s="8" t="s">
        <v>2901</v>
      </c>
    </row>
    <row r="3051" spans="1:2">
      <c r="A3051" s="8">
        <v>2430292</v>
      </c>
      <c r="B3051" s="8" t="s">
        <v>2902</v>
      </c>
    </row>
    <row r="3052" spans="1:2">
      <c r="A3052" s="8">
        <v>2430298</v>
      </c>
      <c r="B3052" s="8" t="s">
        <v>2903</v>
      </c>
    </row>
    <row r="3053" spans="1:2">
      <c r="A3053" s="8">
        <v>2430297</v>
      </c>
      <c r="B3053" s="8" t="s">
        <v>2904</v>
      </c>
    </row>
    <row r="3054" spans="1:2">
      <c r="A3054" s="8">
        <v>2430281</v>
      </c>
      <c r="B3054" s="8" t="s">
        <v>2905</v>
      </c>
    </row>
    <row r="3055" spans="1:2">
      <c r="A3055" s="8">
        <v>2428610</v>
      </c>
      <c r="B3055" s="8" t="s">
        <v>2906</v>
      </c>
    </row>
    <row r="3056" spans="1:2">
      <c r="A3056" s="8">
        <v>2428577</v>
      </c>
      <c r="B3056" s="8" t="s">
        <v>2907</v>
      </c>
    </row>
    <row r="3057" spans="1:2">
      <c r="A3057" s="8">
        <v>2428502</v>
      </c>
      <c r="B3057" s="8" t="s">
        <v>2908</v>
      </c>
    </row>
    <row r="3058" spans="1:2">
      <c r="A3058" s="8">
        <v>2428555</v>
      </c>
      <c r="B3058" s="8" t="s">
        <v>2909</v>
      </c>
    </row>
    <row r="3059" spans="1:2">
      <c r="A3059" s="8">
        <v>2428585</v>
      </c>
      <c r="B3059" s="8" t="s">
        <v>2910</v>
      </c>
    </row>
    <row r="3060" spans="1:2">
      <c r="A3060" s="8">
        <v>2428601</v>
      </c>
      <c r="B3060" s="8" t="s">
        <v>2911</v>
      </c>
    </row>
    <row r="3061" spans="1:2">
      <c r="A3061" s="8">
        <v>2428507</v>
      </c>
      <c r="B3061" s="8" t="s">
        <v>2912</v>
      </c>
    </row>
    <row r="3062" spans="1:2">
      <c r="A3062" s="8">
        <v>2591186</v>
      </c>
      <c r="B3062" s="8" t="s">
        <v>2913</v>
      </c>
    </row>
    <row r="3063" spans="1:2">
      <c r="A3063" s="8">
        <v>2591188</v>
      </c>
      <c r="B3063" s="8" t="s">
        <v>2914</v>
      </c>
    </row>
    <row r="3064" spans="1:2">
      <c r="A3064" s="8">
        <v>2591192</v>
      </c>
      <c r="B3064" s="8" t="s">
        <v>2915</v>
      </c>
    </row>
    <row r="3065" spans="1:2">
      <c r="A3065" s="8">
        <v>2591196</v>
      </c>
      <c r="B3065" s="8" t="s">
        <v>2916</v>
      </c>
    </row>
    <row r="3066" spans="1:2">
      <c r="A3066" s="8">
        <v>2591198</v>
      </c>
      <c r="B3066" s="8" t="s">
        <v>2917</v>
      </c>
    </row>
    <row r="3067" spans="1:2">
      <c r="A3067" s="8">
        <v>2591185</v>
      </c>
      <c r="B3067" s="8" t="s">
        <v>2918</v>
      </c>
    </row>
    <row r="3068" spans="1:2">
      <c r="A3068" s="8">
        <v>2591197</v>
      </c>
      <c r="B3068" s="8" t="s">
        <v>2919</v>
      </c>
    </row>
    <row r="3069" spans="1:2">
      <c r="A3069" s="8">
        <v>2591187</v>
      </c>
      <c r="B3069" s="8" t="s">
        <v>2920</v>
      </c>
    </row>
    <row r="3070" spans="1:2">
      <c r="A3070" s="8">
        <v>2591193</v>
      </c>
      <c r="B3070" s="8" t="s">
        <v>2921</v>
      </c>
    </row>
    <row r="3071" spans="1:2">
      <c r="A3071" s="8">
        <v>2430493</v>
      </c>
      <c r="B3071" s="8" t="s">
        <v>2922</v>
      </c>
    </row>
    <row r="3072" spans="1:2">
      <c r="A3072" s="8">
        <v>2430480</v>
      </c>
      <c r="B3072" s="8" t="s">
        <v>2923</v>
      </c>
    </row>
    <row r="3073" spans="1:2">
      <c r="A3073" s="8">
        <v>2430492</v>
      </c>
      <c r="B3073" s="8" t="s">
        <v>2924</v>
      </c>
    </row>
    <row r="3074" spans="1:2">
      <c r="A3074" s="8">
        <v>2430487</v>
      </c>
      <c r="B3074" s="8" t="s">
        <v>2925</v>
      </c>
    </row>
    <row r="3075" spans="1:2">
      <c r="A3075" s="8">
        <v>2430489</v>
      </c>
      <c r="B3075" s="8" t="s">
        <v>2926</v>
      </c>
    </row>
    <row r="3076" spans="1:2">
      <c r="A3076" s="8">
        <v>2430483</v>
      </c>
      <c r="B3076" s="8" t="s">
        <v>2927</v>
      </c>
    </row>
    <row r="3077" spans="1:2">
      <c r="A3077" s="8">
        <v>2430486</v>
      </c>
      <c r="B3077" s="8" t="s">
        <v>2928</v>
      </c>
    </row>
    <row r="3078" spans="1:2">
      <c r="A3078" s="8">
        <v>2430485</v>
      </c>
      <c r="B3078" s="8" t="s">
        <v>2929</v>
      </c>
    </row>
    <row r="3079" spans="1:2">
      <c r="A3079" s="8">
        <v>2430484</v>
      </c>
      <c r="B3079" s="8" t="s">
        <v>2930</v>
      </c>
    </row>
    <row r="3080" spans="1:2">
      <c r="A3080" s="8">
        <v>2430497</v>
      </c>
      <c r="B3080" s="8" t="s">
        <v>2931</v>
      </c>
    </row>
    <row r="3081" spans="1:2">
      <c r="A3081" s="8">
        <v>2430496</v>
      </c>
      <c r="B3081" s="8" t="s">
        <v>2932</v>
      </c>
    </row>
    <row r="3082" spans="1:2">
      <c r="A3082" s="8">
        <v>2430482</v>
      </c>
      <c r="B3082" s="8" t="s">
        <v>2933</v>
      </c>
    </row>
    <row r="3083" spans="1:2">
      <c r="A3083" s="8">
        <v>2430460</v>
      </c>
      <c r="B3083" s="8" t="s">
        <v>2934</v>
      </c>
    </row>
    <row r="3084" spans="1:2">
      <c r="A3084" s="8">
        <v>2528540</v>
      </c>
      <c r="B3084" s="8" t="s">
        <v>2935</v>
      </c>
    </row>
    <row r="3085" spans="1:2">
      <c r="A3085" s="8">
        <v>2528567</v>
      </c>
      <c r="B3085" s="8" t="s">
        <v>2936</v>
      </c>
    </row>
    <row r="3086" spans="1:2">
      <c r="A3086" s="8">
        <v>2528539</v>
      </c>
      <c r="B3086" s="8" t="s">
        <v>2937</v>
      </c>
    </row>
    <row r="3087" spans="1:2">
      <c r="A3087" s="8">
        <v>2528558</v>
      </c>
      <c r="B3087" s="8" t="s">
        <v>2938</v>
      </c>
    </row>
    <row r="3088" spans="1:2">
      <c r="A3088" s="8">
        <v>2528511</v>
      </c>
      <c r="B3088" s="8" t="s">
        <v>2939</v>
      </c>
    </row>
    <row r="3089" spans="1:2">
      <c r="A3089" s="8">
        <v>2528566</v>
      </c>
      <c r="B3089" s="8" t="s">
        <v>2940</v>
      </c>
    </row>
    <row r="3090" spans="1:2">
      <c r="A3090" s="8">
        <v>2528550</v>
      </c>
      <c r="B3090" s="8" t="s">
        <v>2941</v>
      </c>
    </row>
    <row r="3091" spans="1:2">
      <c r="A3091" s="8">
        <v>2528502</v>
      </c>
      <c r="B3091" s="8" t="s">
        <v>2942</v>
      </c>
    </row>
    <row r="3092" spans="1:2">
      <c r="A3092" s="8">
        <v>2528570</v>
      </c>
      <c r="B3092" s="8" t="s">
        <v>2943</v>
      </c>
    </row>
    <row r="3093" spans="1:2">
      <c r="A3093" s="8">
        <v>2528585</v>
      </c>
      <c r="B3093" s="8" t="s">
        <v>2944</v>
      </c>
    </row>
    <row r="3094" spans="1:2">
      <c r="A3094" s="8">
        <v>2528572</v>
      </c>
      <c r="B3094" s="8" t="s">
        <v>2945</v>
      </c>
    </row>
    <row r="3095" spans="1:2">
      <c r="A3095" s="8">
        <v>2528522</v>
      </c>
      <c r="B3095" s="8" t="s">
        <v>2946</v>
      </c>
    </row>
    <row r="3096" spans="1:2">
      <c r="A3096" s="8">
        <v>2528560</v>
      </c>
      <c r="B3096" s="8" t="s">
        <v>2947</v>
      </c>
    </row>
    <row r="3097" spans="1:2">
      <c r="A3097" s="8">
        <v>2500193</v>
      </c>
      <c r="B3097" s="8" t="s">
        <v>2948</v>
      </c>
    </row>
    <row r="3098" spans="1:2">
      <c r="A3098" s="8">
        <v>2500192</v>
      </c>
      <c r="B3098" s="8" t="s">
        <v>2949</v>
      </c>
    </row>
    <row r="3099" spans="1:2">
      <c r="A3099" s="8">
        <v>2521192</v>
      </c>
      <c r="B3099" s="8" t="s">
        <v>2950</v>
      </c>
    </row>
    <row r="3100" spans="1:2">
      <c r="A3100" s="8">
        <v>2521195</v>
      </c>
      <c r="B3100" s="8" t="s">
        <v>2951</v>
      </c>
    </row>
    <row r="3101" spans="1:2">
      <c r="A3101" s="8">
        <v>2521193</v>
      </c>
      <c r="B3101" s="8" t="s">
        <v>2952</v>
      </c>
    </row>
    <row r="3102" spans="1:2">
      <c r="A3102" s="8">
        <v>2400198</v>
      </c>
      <c r="B3102" s="8" t="s">
        <v>2953</v>
      </c>
    </row>
    <row r="3103" spans="1:2">
      <c r="A3103" s="8">
        <v>2400197</v>
      </c>
      <c r="B3103" s="8" t="s">
        <v>2954</v>
      </c>
    </row>
    <row r="3104" spans="1:2">
      <c r="A3104" s="8">
        <v>2400193</v>
      </c>
      <c r="B3104" s="8" t="s">
        <v>2955</v>
      </c>
    </row>
    <row r="3105" spans="1:2">
      <c r="A3105" s="8">
        <v>2400192</v>
      </c>
      <c r="B3105" s="8" t="s">
        <v>2956</v>
      </c>
    </row>
    <row r="3106" spans="1:2">
      <c r="A3106" s="8">
        <v>2530195</v>
      </c>
      <c r="B3106" s="8" t="s">
        <v>2957</v>
      </c>
    </row>
    <row r="3107" spans="1:2">
      <c r="A3107" s="8">
        <v>2530196</v>
      </c>
      <c r="B3107" s="8" t="s">
        <v>2958</v>
      </c>
    </row>
    <row r="3108" spans="1:2">
      <c r="A3108" s="8">
        <v>2530193</v>
      </c>
      <c r="B3108" s="8" t="s">
        <v>2959</v>
      </c>
    </row>
    <row r="3109" spans="1:2">
      <c r="A3109" s="8">
        <v>2558555</v>
      </c>
      <c r="B3109" s="8" t="s">
        <v>2960</v>
      </c>
    </row>
    <row r="3110" spans="1:2">
      <c r="A3110" s="8">
        <v>2590193</v>
      </c>
      <c r="B3110" s="8" t="s">
        <v>2961</v>
      </c>
    </row>
    <row r="3111" spans="1:2">
      <c r="A3111" s="8">
        <v>2590196</v>
      </c>
      <c r="B3111" s="8" t="s">
        <v>2962</v>
      </c>
    </row>
    <row r="3112" spans="1:2">
      <c r="A3112" s="8">
        <v>2590181</v>
      </c>
      <c r="B3112" s="8" t="s">
        <v>2963</v>
      </c>
    </row>
    <row r="3113" spans="1:2">
      <c r="A3113" s="8">
        <v>2590180</v>
      </c>
      <c r="B3113" s="8" t="s">
        <v>2964</v>
      </c>
    </row>
    <row r="3114" spans="1:2">
      <c r="A3114" s="8">
        <v>2590197</v>
      </c>
      <c r="B3114" s="8" t="s">
        <v>2965</v>
      </c>
    </row>
    <row r="3115" spans="1:2">
      <c r="A3115" s="8">
        <v>2590192</v>
      </c>
      <c r="B3115" s="8" t="s">
        <v>2966</v>
      </c>
    </row>
    <row r="3116" spans="1:2">
      <c r="A3116" s="8">
        <v>2590194</v>
      </c>
      <c r="B3116" s="8" t="s">
        <v>2967</v>
      </c>
    </row>
    <row r="3117" spans="1:2">
      <c r="A3117" s="8">
        <v>2588533</v>
      </c>
      <c r="B3117" s="8" t="s">
        <v>2968</v>
      </c>
    </row>
    <row r="3118" spans="1:2">
      <c r="A3118" s="8">
        <v>2588501</v>
      </c>
      <c r="B3118" s="8" t="s">
        <v>2969</v>
      </c>
    </row>
    <row r="3119" spans="1:2">
      <c r="A3119" s="8">
        <v>2588511</v>
      </c>
      <c r="B3119" s="8" t="s">
        <v>2970</v>
      </c>
    </row>
    <row r="3120" spans="1:2">
      <c r="A3120" s="8">
        <v>2588585</v>
      </c>
      <c r="B3120" s="8" t="s">
        <v>2971</v>
      </c>
    </row>
    <row r="3121" spans="1:2">
      <c r="A3121" s="8">
        <v>2580195</v>
      </c>
      <c r="B3121" s="8" t="s">
        <v>2972</v>
      </c>
    </row>
    <row r="3122" spans="1:2">
      <c r="A3122" s="8">
        <v>2588538</v>
      </c>
      <c r="B3122" s="8" t="s">
        <v>2973</v>
      </c>
    </row>
    <row r="3123" spans="1:2">
      <c r="A3123" s="8">
        <v>2588577</v>
      </c>
      <c r="B3123" s="8" t="s">
        <v>2974</v>
      </c>
    </row>
    <row r="3124" spans="1:2">
      <c r="A3124" s="8">
        <v>2588506</v>
      </c>
      <c r="B3124" s="8" t="s">
        <v>2975</v>
      </c>
    </row>
    <row r="3125" spans="1:2">
      <c r="A3125" s="8">
        <v>2500398</v>
      </c>
      <c r="B3125" s="8" t="s">
        <v>2976</v>
      </c>
    </row>
    <row r="3126" spans="1:2">
      <c r="A3126" s="8">
        <v>2500392</v>
      </c>
      <c r="B3126" s="8" t="s">
        <v>2977</v>
      </c>
    </row>
    <row r="3127" spans="1:2">
      <c r="A3127" s="8">
        <v>2500493</v>
      </c>
      <c r="B3127" s="8" t="s">
        <v>2978</v>
      </c>
    </row>
    <row r="3128" spans="1:2">
      <c r="A3128" s="8">
        <v>2500592</v>
      </c>
      <c r="B3128" s="8" t="s">
        <v>2979</v>
      </c>
    </row>
    <row r="3129" spans="1:2">
      <c r="A3129" s="8">
        <v>2590393</v>
      </c>
      <c r="B3129" s="8" t="s">
        <v>2980</v>
      </c>
    </row>
    <row r="3130" spans="1:2">
      <c r="A3130" s="8">
        <v>2590395</v>
      </c>
      <c r="B3130" s="8" t="s">
        <v>2981</v>
      </c>
    </row>
    <row r="3131" spans="1:2">
      <c r="A3131" s="8">
        <v>2590396</v>
      </c>
      <c r="B3131" s="8" t="s">
        <v>2982</v>
      </c>
    </row>
    <row r="3132" spans="1:2">
      <c r="A3132" s="8">
        <v>2590392</v>
      </c>
      <c r="B3132" s="8" t="s">
        <v>2983</v>
      </c>
    </row>
    <row r="3133" spans="1:2">
      <c r="A3133" s="8">
        <v>2430392</v>
      </c>
      <c r="B3133" s="8" t="s">
        <v>2984</v>
      </c>
    </row>
    <row r="3134" spans="1:2">
      <c r="A3134" s="8">
        <v>2430195</v>
      </c>
      <c r="B3134" s="8" t="s">
        <v>2985</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第１－２号</vt:lpstr>
      <vt:lpstr>郵便番号</vt:lpstr>
      <vt:lpstr>'様式第１－２号'!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4-10T02:11:18Z</cp:lastPrinted>
  <dcterms:created xsi:type="dcterms:W3CDTF">2024-04-10T02:06:04Z</dcterms:created>
  <dcterms:modified xsi:type="dcterms:W3CDTF">2025-03-14T05:32:48Z</dcterms:modified>
</cp:coreProperties>
</file>